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/>
  </bookViews>
  <sheets>
    <sheet name="16-2（近代）" sheetId="2" r:id="rId1"/>
    <sheet name="16-2（過去）" sheetId="1" r:id="rId2"/>
  </sheets>
  <definedNames>
    <definedName name="_xlnm.Print_Titles" localSheetId="1">'16-2（過去）'!$1:$4</definedName>
  </definedNames>
  <calcPr calcId="152511"/>
</workbook>
</file>

<file path=xl/sharedStrings.xml><?xml version="1.0" encoding="utf-8"?>
<sst xmlns="http://schemas.openxmlformats.org/spreadsheetml/2006/main" count="1044" uniqueCount="310">
  <si>
    <t>食料</t>
  </si>
  <si>
    <t>もち米</t>
  </si>
  <si>
    <t>1Kg</t>
  </si>
  <si>
    <t>食パン</t>
  </si>
  <si>
    <t>干しうどん</t>
  </si>
  <si>
    <t>即席めん</t>
  </si>
  <si>
    <t>1個</t>
  </si>
  <si>
    <t>小麦粉</t>
  </si>
  <si>
    <t>あじ</t>
  </si>
  <si>
    <t>100g</t>
  </si>
  <si>
    <t>いわし</t>
  </si>
  <si>
    <t>さば</t>
  </si>
  <si>
    <t>ぶり</t>
  </si>
  <si>
    <t>いか</t>
  </si>
  <si>
    <t>塩さけ</t>
  </si>
  <si>
    <t>煮干し</t>
  </si>
  <si>
    <t>さつま揚げ</t>
  </si>
  <si>
    <t>牛肉（肩肉）</t>
  </si>
  <si>
    <t>豚肉（肩肉）</t>
    <rPh sb="3" eb="4">
      <t>カタ</t>
    </rPh>
    <phoneticPr fontId="2"/>
  </si>
  <si>
    <t>鶏肉</t>
  </si>
  <si>
    <t>バター</t>
  </si>
  <si>
    <t>鶏卵</t>
  </si>
  <si>
    <t>キャベツ</t>
  </si>
  <si>
    <t>ほうれんそう</t>
  </si>
  <si>
    <t>はくさい</t>
  </si>
  <si>
    <t>ねぎ</t>
  </si>
  <si>
    <t>かんしょ</t>
  </si>
  <si>
    <t>ばれいしょ</t>
  </si>
  <si>
    <t>だいこん</t>
  </si>
  <si>
    <t>にんじん</t>
  </si>
  <si>
    <t>ごぼう</t>
  </si>
  <si>
    <t>たまねぎ</t>
  </si>
  <si>
    <t>あずき</t>
  </si>
  <si>
    <t>のり</t>
  </si>
  <si>
    <t>こんぶ</t>
  </si>
  <si>
    <t>豆腐</t>
  </si>
  <si>
    <t>油揚げ</t>
  </si>
  <si>
    <t>納豆</t>
  </si>
  <si>
    <t>こんにゃく</t>
  </si>
  <si>
    <t>たくあん漬（本漬）</t>
  </si>
  <si>
    <t>りんご（ふじ）</t>
  </si>
  <si>
    <t>みかん</t>
  </si>
  <si>
    <t>しょう油</t>
  </si>
  <si>
    <t>1本（1l）</t>
  </si>
  <si>
    <t>みそ</t>
  </si>
  <si>
    <t>砂糖</t>
  </si>
  <si>
    <t>ソース</t>
  </si>
  <si>
    <t>塩せんべい</t>
  </si>
  <si>
    <t>緑茶（せん茶）</t>
  </si>
  <si>
    <t>紅茶＜ティーバッグ＞</t>
  </si>
  <si>
    <t>清酒＜佳撰＞</t>
  </si>
  <si>
    <t>コーヒー＜外食＞</t>
  </si>
  <si>
    <t>1杯</t>
  </si>
  <si>
    <t>住居</t>
  </si>
  <si>
    <t>家賃（民営）</t>
  </si>
  <si>
    <t>1枚</t>
  </si>
  <si>
    <t>畳表取替費</t>
  </si>
  <si>
    <t>板ガラス取替費</t>
  </si>
  <si>
    <t>光熱・水道</t>
  </si>
  <si>
    <t>灯油＜配達＞</t>
  </si>
  <si>
    <t>18l</t>
  </si>
  <si>
    <t>1か月</t>
  </si>
  <si>
    <t>家具・家事用品</t>
  </si>
  <si>
    <t>座卓</t>
  </si>
  <si>
    <t>1卓</t>
  </si>
  <si>
    <t>皿</t>
  </si>
  <si>
    <t>なべ</t>
  </si>
  <si>
    <t>ちり紙（ティッシュペーパー）</t>
  </si>
  <si>
    <t>被服及び履物</t>
  </si>
  <si>
    <t>男子ズボン（毛）</t>
  </si>
  <si>
    <t>1本</t>
  </si>
  <si>
    <t>男子学生服＜中学＞</t>
  </si>
  <si>
    <t>1着</t>
  </si>
  <si>
    <t>スカート（秋冬物）</t>
  </si>
  <si>
    <t>ワイシャツ（長袖）</t>
  </si>
  <si>
    <t>男子靴下（秋冬物）</t>
  </si>
  <si>
    <t>1足</t>
  </si>
  <si>
    <t>パンティストッキング</t>
  </si>
  <si>
    <t>男子背広服地</t>
  </si>
  <si>
    <t>1m</t>
  </si>
  <si>
    <t>毛糸</t>
  </si>
  <si>
    <t>男子靴（皮）</t>
  </si>
  <si>
    <t>婦人靴＜皮＞</t>
  </si>
  <si>
    <t>仕立代＜背広＞</t>
  </si>
  <si>
    <t>洗濯代（ワイシャツ）</t>
  </si>
  <si>
    <t>靴修理代</t>
  </si>
  <si>
    <t>保健医療</t>
  </si>
  <si>
    <t>感冒薬（総合かぜ薬）</t>
  </si>
  <si>
    <t>ビタミン剤（ビタミン含有保健剤）</t>
  </si>
  <si>
    <t>1箱（60錠）</t>
  </si>
  <si>
    <t>交通通信</t>
  </si>
  <si>
    <t>バス代</t>
  </si>
  <si>
    <t>1回（区）</t>
  </si>
  <si>
    <t>教育</t>
  </si>
  <si>
    <t>高校授業料（公立）</t>
  </si>
  <si>
    <t>幼稚園保育料（私立）</t>
  </si>
  <si>
    <t>教養娯楽</t>
  </si>
  <si>
    <t>テレビ＜ブラウン管３２型＞</t>
    <rPh sb="8" eb="9">
      <t>カン</t>
    </rPh>
    <phoneticPr fontId="2"/>
  </si>
  <si>
    <t>1台</t>
  </si>
  <si>
    <t>テレビ＜液晶＞</t>
    <rPh sb="4" eb="6">
      <t>エキショウ</t>
    </rPh>
    <phoneticPr fontId="2"/>
  </si>
  <si>
    <t>ノートブック＜30枚綴り＞</t>
  </si>
  <si>
    <t>1冊</t>
  </si>
  <si>
    <t>映画観覧料</t>
  </si>
  <si>
    <t>1回</t>
  </si>
  <si>
    <t>諸雑費</t>
  </si>
  <si>
    <t>入浴料（大人）</t>
  </si>
  <si>
    <t>理髪料</t>
  </si>
  <si>
    <t>パーマネント代</t>
  </si>
  <si>
    <t>化粧せっけん</t>
  </si>
  <si>
    <t>男子洋傘＜ポリエステル100％＞</t>
  </si>
  <si>
    <t>400g</t>
  </si>
  <si>
    <t>400g（1個約60g）</t>
    <rPh sb="6" eb="7">
      <t>コ</t>
    </rPh>
    <rPh sb="7" eb="8">
      <t>ヤク</t>
    </rPh>
    <phoneticPr fontId="2"/>
  </si>
  <si>
    <t>缶入り(115g程度入り）</t>
    <rPh sb="0" eb="2">
      <t>カンイ</t>
    </rPh>
    <rPh sb="8" eb="10">
      <t>テイド</t>
    </rPh>
    <rPh sb="10" eb="11">
      <t>イ</t>
    </rPh>
    <phoneticPr fontId="2"/>
  </si>
  <si>
    <t>電気代(基本料金)</t>
    <rPh sb="0" eb="3">
      <t>デンキダイ</t>
    </rPh>
    <phoneticPr fontId="2"/>
  </si>
  <si>
    <t>ガス代(基本料金)</t>
    <rPh sb="2" eb="3">
      <t>ダイ</t>
    </rPh>
    <phoneticPr fontId="2"/>
  </si>
  <si>
    <t>1か月1坪</t>
    <rPh sb="4" eb="5">
      <t>ツボ</t>
    </rPh>
    <phoneticPr fontId="2"/>
  </si>
  <si>
    <t>100枚</t>
    <rPh sb="3" eb="4">
      <t>マイ</t>
    </rPh>
    <phoneticPr fontId="2"/>
  </si>
  <si>
    <t>1箱（200g）</t>
  </si>
  <si>
    <t>1kg</t>
  </si>
  <si>
    <t>1袋（1kg）</t>
  </si>
  <si>
    <t>1本（500ml）</t>
  </si>
  <si>
    <t>1本（2000ml）</t>
  </si>
  <si>
    <t>1玉(50g)</t>
  </si>
  <si>
    <t>1箱（65錠）</t>
  </si>
  <si>
    <t>平均(円)</t>
    <rPh sb="0" eb="2">
      <t>ヘイキン</t>
    </rPh>
    <rPh sb="3" eb="4">
      <t>エン</t>
    </rPh>
    <phoneticPr fontId="2"/>
  </si>
  <si>
    <t>長野</t>
  </si>
  <si>
    <t>-</t>
    <phoneticPr fontId="2"/>
  </si>
  <si>
    <t>400g</t>
    <phoneticPr fontId="2"/>
  </si>
  <si>
    <t>牛乳（瓶詰，配達）</t>
    <phoneticPr fontId="2"/>
  </si>
  <si>
    <t>1本（180cc)</t>
    <phoneticPr fontId="2"/>
  </si>
  <si>
    <t>1箱（225g）</t>
    <phoneticPr fontId="2"/>
  </si>
  <si>
    <t>1kg</t>
    <phoneticPr fontId="2"/>
  </si>
  <si>
    <t>100g</t>
    <phoneticPr fontId="2"/>
  </si>
  <si>
    <t>-</t>
    <phoneticPr fontId="2"/>
  </si>
  <si>
    <t>食用油</t>
    <phoneticPr fontId="2"/>
  </si>
  <si>
    <t>180cc</t>
    <phoneticPr fontId="2"/>
  </si>
  <si>
    <t>1本（1800ml）</t>
    <phoneticPr fontId="2"/>
  </si>
  <si>
    <t>-</t>
    <phoneticPr fontId="2"/>
  </si>
  <si>
    <t>板材（3.3㎡）</t>
    <phoneticPr fontId="2"/>
  </si>
  <si>
    <t>-</t>
    <phoneticPr fontId="2"/>
  </si>
  <si>
    <t>水道料(基本料金)</t>
    <phoneticPr fontId="2"/>
  </si>
  <si>
    <t>洗濯用洗剤</t>
    <phoneticPr fontId="2"/>
  </si>
  <si>
    <t>1箱（1.1kg）</t>
    <phoneticPr fontId="2"/>
  </si>
  <si>
    <t>-</t>
    <phoneticPr fontId="2"/>
  </si>
  <si>
    <t>500g</t>
    <phoneticPr fontId="2"/>
  </si>
  <si>
    <t>1箱（25錠）</t>
    <phoneticPr fontId="2"/>
  </si>
  <si>
    <t>-</t>
    <phoneticPr fontId="2"/>
  </si>
  <si>
    <t>1個</t>
    <phoneticPr fontId="2"/>
  </si>
  <si>
    <t>品目</t>
    <rPh sb="0" eb="2">
      <t>ヒンモク</t>
    </rPh>
    <phoneticPr fontId="2"/>
  </si>
  <si>
    <t>種別</t>
    <rPh sb="0" eb="2">
      <t>シュベツ</t>
    </rPh>
    <phoneticPr fontId="2"/>
  </si>
  <si>
    <t>昭和36年</t>
    <phoneticPr fontId="2"/>
  </si>
  <si>
    <t>単位（S36)</t>
    <phoneticPr fontId="2"/>
  </si>
  <si>
    <t>東京都</t>
    <phoneticPr fontId="2"/>
  </si>
  <si>
    <t>（平成17年）360,671</t>
    <rPh sb="1" eb="3">
      <t>ヘイセイ</t>
    </rPh>
    <rPh sb="5" eb="6">
      <t>ネン</t>
    </rPh>
    <phoneticPr fontId="2"/>
  </si>
  <si>
    <t>労働者１人平均月間現金給与額</t>
    <phoneticPr fontId="2"/>
  </si>
  <si>
    <t>参考</t>
    <phoneticPr fontId="2"/>
  </si>
  <si>
    <t>平成元年</t>
    <rPh sb="2" eb="4">
      <t>ガンネン</t>
    </rPh>
    <phoneticPr fontId="2"/>
  </si>
  <si>
    <t>1本（200ml)</t>
  </si>
  <si>
    <t>1ﾊﾟｯｸ（10個入）</t>
  </si>
  <si>
    <t>1本（1kg）</t>
  </si>
  <si>
    <t>1箱（1.1kg）</t>
  </si>
  <si>
    <t>平均(円)</t>
    <phoneticPr fontId="2"/>
  </si>
  <si>
    <t>平成18年</t>
    <rPh sb="4" eb="5">
      <t>ネン</t>
    </rPh>
    <phoneticPr fontId="2"/>
  </si>
  <si>
    <t>単位</t>
    <phoneticPr fontId="2"/>
  </si>
  <si>
    <t>全国</t>
    <rPh sb="0" eb="2">
      <t>ゼンコク</t>
    </rPh>
    <phoneticPr fontId="2"/>
  </si>
  <si>
    <t>東京都</t>
    <rPh sb="0" eb="3">
      <t>トウキョウト</t>
    </rPh>
    <phoneticPr fontId="2"/>
  </si>
  <si>
    <t>平均（円）</t>
    <rPh sb="0" eb="2">
      <t>ヘイキン</t>
    </rPh>
    <rPh sb="3" eb="4">
      <t>エン</t>
    </rPh>
    <phoneticPr fontId="2"/>
  </si>
  <si>
    <t>1帖
（10枚）</t>
    <phoneticPr fontId="2"/>
  </si>
  <si>
    <t>1パック
(50g×3)</t>
    <phoneticPr fontId="2"/>
  </si>
  <si>
    <t>1箱
（25袋）</t>
    <phoneticPr fontId="2"/>
  </si>
  <si>
    <t>1か月
（3.3㎡）</t>
    <phoneticPr fontId="2"/>
  </si>
  <si>
    <t>1ﾊﾟｯｸ
（3個入）</t>
    <phoneticPr fontId="2"/>
  </si>
  <si>
    <t>1本
（360ml）</t>
    <phoneticPr fontId="2"/>
  </si>
  <si>
    <t>1袋
（5箱入）</t>
    <phoneticPr fontId="2"/>
  </si>
  <si>
    <t>佐久市</t>
    <rPh sb="0" eb="3">
      <t>サクシ</t>
    </rPh>
    <phoneticPr fontId="2"/>
  </si>
  <si>
    <t>平成25年</t>
    <rPh sb="0" eb="2">
      <t>ヘイセイ</t>
    </rPh>
    <rPh sb="4" eb="5">
      <t>ネン</t>
    </rPh>
    <phoneticPr fontId="2"/>
  </si>
  <si>
    <t>うるち米「ｺｼﾋｶﾘ」</t>
    <rPh sb="3" eb="4">
      <t>マイ</t>
    </rPh>
    <phoneticPr fontId="2"/>
  </si>
  <si>
    <t>単位</t>
    <rPh sb="0" eb="2">
      <t>タンイ</t>
    </rPh>
    <phoneticPr fontId="2"/>
  </si>
  <si>
    <t>1袋　5kg</t>
    <rPh sb="1" eb="2">
      <t>フクロ</t>
    </rPh>
    <phoneticPr fontId="2"/>
  </si>
  <si>
    <t>うるち米「ｺｼﾋｶﾘ」以外</t>
    <rPh sb="3" eb="4">
      <t>マイ</t>
    </rPh>
    <rPh sb="11" eb="13">
      <t>イガイ</t>
    </rPh>
    <phoneticPr fontId="2"/>
  </si>
  <si>
    <t>食パン</t>
    <rPh sb="0" eb="1">
      <t>ショク</t>
    </rPh>
    <phoneticPr fontId="2"/>
  </si>
  <si>
    <t>あんパン</t>
    <phoneticPr fontId="2"/>
  </si>
  <si>
    <t>カレーパン</t>
    <phoneticPr fontId="2"/>
  </si>
  <si>
    <t>干しうどん</t>
    <rPh sb="0" eb="1">
      <t>ホ</t>
    </rPh>
    <phoneticPr fontId="2"/>
  </si>
  <si>
    <t>たらこ</t>
    <phoneticPr fontId="2"/>
  </si>
  <si>
    <t>ちくわ</t>
    <phoneticPr fontId="2"/>
  </si>
  <si>
    <t>かまぼこ</t>
    <phoneticPr fontId="2"/>
  </si>
  <si>
    <t>牛肉（ロース）</t>
    <rPh sb="0" eb="2">
      <t>ギュウニク</t>
    </rPh>
    <phoneticPr fontId="2"/>
  </si>
  <si>
    <t>豚肉（もも）</t>
    <rPh sb="0" eb="2">
      <t>ブタニク</t>
    </rPh>
    <phoneticPr fontId="2"/>
  </si>
  <si>
    <t>鶏肉</t>
    <rPh sb="0" eb="2">
      <t>トリニク</t>
    </rPh>
    <phoneticPr fontId="2"/>
  </si>
  <si>
    <t>ハム</t>
    <phoneticPr fontId="2"/>
  </si>
  <si>
    <t>ソーセージ</t>
    <phoneticPr fontId="2"/>
  </si>
  <si>
    <t>牛乳（店頭売り、紙容器入り）</t>
    <rPh sb="0" eb="2">
      <t>ギュウニュウ</t>
    </rPh>
    <rPh sb="3" eb="5">
      <t>テントウ</t>
    </rPh>
    <rPh sb="5" eb="6">
      <t>ウ</t>
    </rPh>
    <rPh sb="8" eb="9">
      <t>カミ</t>
    </rPh>
    <rPh sb="9" eb="11">
      <t>ヨウキ</t>
    </rPh>
    <rPh sb="11" eb="12">
      <t>イ</t>
    </rPh>
    <phoneticPr fontId="2"/>
  </si>
  <si>
    <t>1本・1000ml</t>
    <rPh sb="1" eb="2">
      <t>ポン</t>
    </rPh>
    <phoneticPr fontId="2"/>
  </si>
  <si>
    <t>ヨーグルト</t>
    <phoneticPr fontId="2"/>
  </si>
  <si>
    <t>鶏卵</t>
    <rPh sb="0" eb="2">
      <t>ケイラン</t>
    </rPh>
    <phoneticPr fontId="2"/>
  </si>
  <si>
    <t>1パック10個入り</t>
    <rPh sb="6" eb="7">
      <t>コ</t>
    </rPh>
    <rPh sb="7" eb="8">
      <t>イ</t>
    </rPh>
    <phoneticPr fontId="2"/>
  </si>
  <si>
    <t>1袋　</t>
    <rPh sb="1" eb="2">
      <t>フクロ</t>
    </rPh>
    <phoneticPr fontId="2"/>
  </si>
  <si>
    <t>こんぶ</t>
    <phoneticPr fontId="2"/>
  </si>
  <si>
    <t>納豆</t>
    <rPh sb="0" eb="2">
      <t>ナットウ</t>
    </rPh>
    <phoneticPr fontId="2"/>
  </si>
  <si>
    <t>こんにゃく</t>
    <phoneticPr fontId="2"/>
  </si>
  <si>
    <t>梅干し</t>
    <rPh sb="0" eb="2">
      <t>ウメボ</t>
    </rPh>
    <phoneticPr fontId="2"/>
  </si>
  <si>
    <t>こんぶつくだ煮</t>
    <rPh sb="6" eb="7">
      <t>ニ</t>
    </rPh>
    <phoneticPr fontId="2"/>
  </si>
  <si>
    <t>食用油</t>
    <rPh sb="0" eb="3">
      <t>ショクヨウアブラ</t>
    </rPh>
    <phoneticPr fontId="2"/>
  </si>
  <si>
    <t>しょう油</t>
    <rPh sb="3" eb="4">
      <t>アブラ</t>
    </rPh>
    <phoneticPr fontId="2"/>
  </si>
  <si>
    <t>1本・1L</t>
    <rPh sb="1" eb="2">
      <t>ポン</t>
    </rPh>
    <phoneticPr fontId="2"/>
  </si>
  <si>
    <t>みそ</t>
    <phoneticPr fontId="2"/>
  </si>
  <si>
    <t>砂糖</t>
    <rPh sb="0" eb="2">
      <t>サトウ</t>
    </rPh>
    <phoneticPr fontId="2"/>
  </si>
  <si>
    <t>1袋・1kg</t>
    <rPh sb="1" eb="2">
      <t>フクロ</t>
    </rPh>
    <phoneticPr fontId="2"/>
  </si>
  <si>
    <t>1個・77ｇ</t>
    <rPh sb="1" eb="2">
      <t>コ</t>
    </rPh>
    <phoneticPr fontId="2"/>
  </si>
  <si>
    <t>マヨネーズ</t>
    <phoneticPr fontId="2"/>
  </si>
  <si>
    <t>ビスケット</t>
    <phoneticPr fontId="2"/>
  </si>
  <si>
    <t>1袋</t>
    <rPh sb="1" eb="2">
      <t>フクロ</t>
    </rPh>
    <phoneticPr fontId="2"/>
  </si>
  <si>
    <t>せんべい</t>
    <phoneticPr fontId="2"/>
  </si>
  <si>
    <t>チョコレート</t>
    <phoneticPr fontId="2"/>
  </si>
  <si>
    <t>アイスクリーム</t>
    <phoneticPr fontId="2"/>
  </si>
  <si>
    <t>1個・120ml</t>
    <rPh sb="1" eb="2">
      <t>コ</t>
    </rPh>
    <phoneticPr fontId="2"/>
  </si>
  <si>
    <t>ポテトチップス</t>
    <phoneticPr fontId="2"/>
  </si>
  <si>
    <t>ゼリー</t>
    <phoneticPr fontId="2"/>
  </si>
  <si>
    <t>おにぎり</t>
    <phoneticPr fontId="2"/>
  </si>
  <si>
    <t>1個</t>
    <rPh sb="1" eb="2">
      <t>コ</t>
    </rPh>
    <phoneticPr fontId="2"/>
  </si>
  <si>
    <t>サラダ</t>
    <phoneticPr fontId="2"/>
  </si>
  <si>
    <t>コロッケ</t>
    <phoneticPr fontId="2"/>
  </si>
  <si>
    <t>インスタントコーヒー</t>
    <phoneticPr fontId="2"/>
  </si>
  <si>
    <t>清酒</t>
    <rPh sb="0" eb="2">
      <t>セイシュ</t>
    </rPh>
    <phoneticPr fontId="2"/>
  </si>
  <si>
    <t>1本・2000ml</t>
    <rPh sb="1" eb="2">
      <t>ポン</t>
    </rPh>
    <phoneticPr fontId="2"/>
  </si>
  <si>
    <t>1本・1800ml</t>
    <rPh sb="1" eb="2">
      <t>ポン</t>
    </rPh>
    <phoneticPr fontId="2"/>
  </si>
  <si>
    <t>ビール</t>
    <phoneticPr fontId="2"/>
  </si>
  <si>
    <t>1パック・350ml×6</t>
    <phoneticPr fontId="2"/>
  </si>
  <si>
    <t>発泡酒</t>
    <rPh sb="0" eb="3">
      <t>ハッポウシュ</t>
    </rPh>
    <phoneticPr fontId="2"/>
  </si>
  <si>
    <t>ビール風アルコール飲料</t>
    <rPh sb="3" eb="4">
      <t>フウ</t>
    </rPh>
    <rPh sb="9" eb="11">
      <t>インリョウ</t>
    </rPh>
    <phoneticPr fontId="2"/>
  </si>
  <si>
    <t>ラップ</t>
    <phoneticPr fontId="2"/>
  </si>
  <si>
    <t>1本</t>
    <rPh sb="1" eb="2">
      <t>ポン</t>
    </rPh>
    <phoneticPr fontId="2"/>
  </si>
  <si>
    <t>ティッシュペーパー</t>
    <phoneticPr fontId="2"/>
  </si>
  <si>
    <t>1パック・5箱</t>
    <rPh sb="6" eb="7">
      <t>ハコ</t>
    </rPh>
    <phoneticPr fontId="2"/>
  </si>
  <si>
    <t>トイレットペーパー</t>
    <phoneticPr fontId="2"/>
  </si>
  <si>
    <t>1パック・12ロール</t>
    <phoneticPr fontId="2"/>
  </si>
  <si>
    <t>台所用洗剤</t>
    <rPh sb="0" eb="3">
      <t>ダイドコロヨウ</t>
    </rPh>
    <rPh sb="3" eb="5">
      <t>センザイ</t>
    </rPh>
    <phoneticPr fontId="2"/>
  </si>
  <si>
    <t>洗濯用洗剤</t>
    <rPh sb="0" eb="3">
      <t>センタクヨウ</t>
    </rPh>
    <rPh sb="3" eb="5">
      <t>センザイ</t>
    </rPh>
    <phoneticPr fontId="2"/>
  </si>
  <si>
    <t>1箱・1kg</t>
    <rPh sb="1" eb="2">
      <t>ハコ</t>
    </rPh>
    <phoneticPr fontId="2"/>
  </si>
  <si>
    <t>化粧石けん</t>
    <rPh sb="0" eb="2">
      <t>ケショウ</t>
    </rPh>
    <rPh sb="2" eb="3">
      <t>セッ</t>
    </rPh>
    <phoneticPr fontId="2"/>
  </si>
  <si>
    <t>1パック・3個入り</t>
    <rPh sb="6" eb="7">
      <t>コ</t>
    </rPh>
    <rPh sb="7" eb="8">
      <t>イ</t>
    </rPh>
    <phoneticPr fontId="2"/>
  </si>
  <si>
    <t>歯磨き</t>
    <rPh sb="0" eb="2">
      <t>ハミガ</t>
    </rPh>
    <phoneticPr fontId="2"/>
  </si>
  <si>
    <t>ヘアコンディショナー</t>
    <phoneticPr fontId="2"/>
  </si>
  <si>
    <t>ボディソープ</t>
    <phoneticPr fontId="2"/>
  </si>
  <si>
    <t>整髪料</t>
    <rPh sb="0" eb="2">
      <t>セイハツ</t>
    </rPh>
    <rPh sb="2" eb="3">
      <t>リョウ</t>
    </rPh>
    <phoneticPr fontId="2"/>
  </si>
  <si>
    <t>化粧水</t>
    <rPh sb="0" eb="3">
      <t>ケショウスイ</t>
    </rPh>
    <phoneticPr fontId="2"/>
  </si>
  <si>
    <t>1袋・400ml</t>
    <rPh sb="1" eb="2">
      <t>フクロ</t>
    </rPh>
    <phoneticPr fontId="2"/>
  </si>
  <si>
    <t>1本・200ml</t>
    <rPh sb="1" eb="2">
      <t>ポン</t>
    </rPh>
    <phoneticPr fontId="2"/>
  </si>
  <si>
    <t>平成26年</t>
    <rPh sb="0" eb="2">
      <t>ヘイセイ</t>
    </rPh>
    <rPh sb="4" eb="5">
      <t>ネン</t>
    </rPh>
    <phoneticPr fontId="2"/>
  </si>
  <si>
    <t>1本・450g</t>
    <rPh sb="1" eb="2">
      <t>ポン</t>
    </rPh>
    <phoneticPr fontId="2"/>
  </si>
  <si>
    <t>1個・77g</t>
    <rPh sb="1" eb="2">
      <t>コ</t>
    </rPh>
    <phoneticPr fontId="2"/>
  </si>
  <si>
    <t>1本・1000g</t>
    <rPh sb="1" eb="2">
      <t>ポン</t>
    </rPh>
    <phoneticPr fontId="2"/>
  </si>
  <si>
    <t>1個・750g</t>
    <rPh sb="1" eb="2">
      <t>コ</t>
    </rPh>
    <phoneticPr fontId="2"/>
  </si>
  <si>
    <t>1枚・55g</t>
    <rPh sb="1" eb="2">
      <t>マイ</t>
    </rPh>
    <phoneticPr fontId="2"/>
  </si>
  <si>
    <t>1個・150～200g</t>
    <rPh sb="1" eb="2">
      <t>コ</t>
    </rPh>
    <phoneticPr fontId="2"/>
  </si>
  <si>
    <t>1本・90g</t>
    <rPh sb="1" eb="2">
      <t>ポン</t>
    </rPh>
    <phoneticPr fontId="2"/>
  </si>
  <si>
    <t>1本・140g</t>
    <rPh sb="1" eb="2">
      <t>ポン</t>
    </rPh>
    <phoneticPr fontId="2"/>
  </si>
  <si>
    <t>1個・80g</t>
    <rPh sb="1" eb="2">
      <t>コ</t>
    </rPh>
    <phoneticPr fontId="2"/>
  </si>
  <si>
    <t>100g</t>
    <phoneticPr fontId="2"/>
  </si>
  <si>
    <t>1枚・50g</t>
    <rPh sb="1" eb="2">
      <t>マイ</t>
    </rPh>
    <phoneticPr fontId="2"/>
  </si>
  <si>
    <t>1個・110ml</t>
    <rPh sb="1" eb="2">
      <t>コ</t>
    </rPh>
    <phoneticPr fontId="2"/>
  </si>
  <si>
    <t>100g</t>
    <phoneticPr fontId="2"/>
  </si>
  <si>
    <t>1000ml</t>
    <phoneticPr fontId="2"/>
  </si>
  <si>
    <t>平成27年</t>
    <rPh sb="0" eb="2">
      <t>ヘイセイ</t>
    </rPh>
    <rPh sb="4" eb="5">
      <t>ネン</t>
    </rPh>
    <phoneticPr fontId="2"/>
  </si>
  <si>
    <t>100g</t>
    <phoneticPr fontId="2"/>
  </si>
  <si>
    <t>1袋・380ml</t>
    <rPh sb="1" eb="2">
      <t>フクロ</t>
    </rPh>
    <phoneticPr fontId="2"/>
  </si>
  <si>
    <t>1ﾊﾟｯｸ・50g×3ﾊﾟｯｸ</t>
    <phoneticPr fontId="2"/>
  </si>
  <si>
    <t>1ﾊﾟｯｸ・50g×3ﾊﾟｯｸ　or　45g×3ﾊﾟｯｸ</t>
    <phoneticPr fontId="2"/>
  </si>
  <si>
    <t>資料：小売物価統計調査（構造編）</t>
    <rPh sb="0" eb="2">
      <t>シリョウ</t>
    </rPh>
    <rPh sb="3" eb="5">
      <t>コウリ</t>
    </rPh>
    <rPh sb="5" eb="7">
      <t>ブッカ</t>
    </rPh>
    <rPh sb="7" eb="9">
      <t>トウケイ</t>
    </rPh>
    <rPh sb="9" eb="11">
      <t>チョウサ</t>
    </rPh>
    <rPh sb="12" eb="14">
      <t>コウゾウ</t>
    </rPh>
    <rPh sb="14" eb="15">
      <t>ヘン</t>
    </rPh>
    <phoneticPr fontId="2"/>
  </si>
  <si>
    <t>100ml</t>
    <phoneticPr fontId="2"/>
  </si>
  <si>
    <t>1000ml/395ml</t>
    <phoneticPr fontId="2"/>
  </si>
  <si>
    <t>※</t>
    <phoneticPr fontId="2"/>
  </si>
  <si>
    <t>※「佐久市」の現金給与額は長野県の値を使用</t>
    <rPh sb="2" eb="5">
      <t>サクシ</t>
    </rPh>
    <rPh sb="7" eb="9">
      <t>ゲンキン</t>
    </rPh>
    <rPh sb="9" eb="11">
      <t>キュウヨ</t>
    </rPh>
    <rPh sb="11" eb="12">
      <t>ガク</t>
    </rPh>
    <rPh sb="13" eb="16">
      <t>ナガノケン</t>
    </rPh>
    <rPh sb="17" eb="18">
      <t>アタイ</t>
    </rPh>
    <rPh sb="19" eb="21">
      <t>シヨウ</t>
    </rPh>
    <phoneticPr fontId="2"/>
  </si>
  <si>
    <r>
      <rPr>
        <b/>
        <sz val="12"/>
        <rFont val="ＭＳ 明朝"/>
        <family val="1"/>
        <charset val="128"/>
      </rPr>
      <t xml:space="preserve"> 16-2</t>
    </r>
    <r>
      <rPr>
        <sz val="12"/>
        <rFont val="ＭＳ 明朝"/>
        <family val="1"/>
        <charset val="128"/>
      </rPr>
      <t xml:space="preserve"> 旧佐久市誕生当時と近年との小売物価額の比較　（近代）</t>
    </r>
    <rPh sb="29" eb="31">
      <t>キンダイ</t>
    </rPh>
    <phoneticPr fontId="2"/>
  </si>
  <si>
    <r>
      <rPr>
        <b/>
        <sz val="12"/>
        <rFont val="ＭＳ 明朝"/>
        <family val="1"/>
        <charset val="128"/>
      </rPr>
      <t xml:space="preserve"> 16-2</t>
    </r>
    <r>
      <rPr>
        <sz val="12"/>
        <rFont val="ＭＳ 明朝"/>
        <family val="1"/>
        <charset val="128"/>
      </rPr>
      <t xml:space="preserve"> 旧佐久市誕生当時と近年との小売物価額の比較　（旧佐久市誕生当時）</t>
    </r>
    <rPh sb="29" eb="30">
      <t>キュウ</t>
    </rPh>
    <rPh sb="30" eb="33">
      <t>サクシ</t>
    </rPh>
    <rPh sb="33" eb="35">
      <t>タンジョウ</t>
    </rPh>
    <rPh sb="35" eb="37">
      <t>トウジ</t>
    </rPh>
    <phoneticPr fontId="2"/>
  </si>
  <si>
    <t>資料出所：小売物価統計調査</t>
    <phoneticPr fontId="2"/>
  </si>
  <si>
    <t>平成28年</t>
    <rPh sb="0" eb="2">
      <t>ヘイセイ</t>
    </rPh>
    <rPh sb="4" eb="5">
      <t>ネン</t>
    </rPh>
    <phoneticPr fontId="2"/>
  </si>
  <si>
    <t>平成29年</t>
    <rPh sb="0" eb="2">
      <t>ヘイセイ</t>
    </rPh>
    <rPh sb="4" eb="5">
      <t>ネン</t>
    </rPh>
    <phoneticPr fontId="2"/>
  </si>
  <si>
    <t>カップ麺</t>
    <rPh sb="3" eb="4">
      <t>メン</t>
    </rPh>
    <phoneticPr fontId="2"/>
  </si>
  <si>
    <t>しらす干し</t>
    <rPh sb="3" eb="4">
      <t>ボ</t>
    </rPh>
    <phoneticPr fontId="2"/>
  </si>
  <si>
    <t>－</t>
    <phoneticPr fontId="2"/>
  </si>
  <si>
    <t>－</t>
    <phoneticPr fontId="2"/>
  </si>
  <si>
    <t>揚げかまぼこ</t>
    <rPh sb="0" eb="1">
      <t>ア</t>
    </rPh>
    <phoneticPr fontId="2"/>
  </si>
  <si>
    <t>わかめ</t>
    <phoneticPr fontId="2"/>
  </si>
  <si>
    <t>豆腐</t>
    <rPh sb="0" eb="2">
      <t>トウフ</t>
    </rPh>
    <phoneticPr fontId="2"/>
  </si>
  <si>
    <t>油揚げ</t>
    <rPh sb="0" eb="2">
      <t>アブラア</t>
    </rPh>
    <phoneticPr fontId="2"/>
  </si>
  <si>
    <t>だいこん漬</t>
    <rPh sb="4" eb="5">
      <t>ツ</t>
    </rPh>
    <phoneticPr fontId="2"/>
  </si>
  <si>
    <t>キャンデー</t>
    <phoneticPr fontId="2"/>
  </si>
  <si>
    <t>緑茶</t>
    <rPh sb="0" eb="2">
      <t>リョクチャ</t>
    </rPh>
    <phoneticPr fontId="2"/>
  </si>
  <si>
    <t>焼酎</t>
    <rPh sb="0" eb="2">
      <t>ショウチュウ</t>
    </rPh>
    <phoneticPr fontId="2"/>
  </si>
  <si>
    <t>ドリンク剤</t>
    <rPh sb="4" eb="5">
      <t>ザイ</t>
    </rPh>
    <phoneticPr fontId="2"/>
  </si>
  <si>
    <t>1箱</t>
    <rPh sb="1" eb="2">
      <t>ハコ</t>
    </rPh>
    <phoneticPr fontId="2"/>
  </si>
  <si>
    <t>平成30年11月に赤字の箇所を修正しました。</t>
    <rPh sb="0" eb="2">
      <t>ヘイセイ</t>
    </rPh>
    <rPh sb="4" eb="5">
      <t>ネン</t>
    </rPh>
    <rPh sb="7" eb="8">
      <t>ガツ</t>
    </rPh>
    <rPh sb="9" eb="11">
      <t>アカジ</t>
    </rPh>
    <rPh sb="12" eb="14">
      <t>カショ</t>
    </rPh>
    <rPh sb="15" eb="17">
      <t>シュウセイ</t>
    </rPh>
    <phoneticPr fontId="2"/>
  </si>
  <si>
    <t>豚肉（ロース・H27～バラ）</t>
    <rPh sb="0" eb="2">
      <t>ブタニク</t>
    </rPh>
    <phoneticPr fontId="2"/>
  </si>
  <si>
    <t>干しのり</t>
    <rPh sb="0" eb="1">
      <t>ホ</t>
    </rPh>
    <phoneticPr fontId="2"/>
  </si>
  <si>
    <t>平成30年</t>
    <rPh sb="0" eb="2">
      <t>ヘイセイ</t>
    </rPh>
    <rPh sb="4" eb="5">
      <t>ネン</t>
    </rPh>
    <phoneticPr fontId="2"/>
  </si>
  <si>
    <t>チューハイ</t>
    <phoneticPr fontId="2"/>
  </si>
  <si>
    <t>1缶・350ml</t>
    <rPh sb="1" eb="2">
      <t>カン</t>
    </rPh>
    <phoneticPr fontId="2"/>
  </si>
  <si>
    <t>ウイスキー</t>
    <phoneticPr fontId="2"/>
  </si>
  <si>
    <t>養毛剤</t>
    <rPh sb="0" eb="3">
      <t>ヨウモウザイ</t>
    </rPh>
    <phoneticPr fontId="2"/>
  </si>
  <si>
    <t>1本・700ml</t>
    <rPh sb="1" eb="2">
      <t>ホン</t>
    </rPh>
    <phoneticPr fontId="2"/>
  </si>
  <si>
    <t>1本・180ｇ</t>
    <rPh sb="1" eb="2">
      <t>ホン</t>
    </rPh>
    <phoneticPr fontId="2"/>
  </si>
  <si>
    <t>－</t>
    <phoneticPr fontId="2"/>
  </si>
  <si>
    <t>　　　労働者１人平均月間現金給与額：毎月勤労統計調査（長野県・東京都ホームページから引用）</t>
    <rPh sb="3" eb="6">
      <t>ロウドウシャ</t>
    </rPh>
    <rPh sb="6" eb="8">
      <t>ヒトリ</t>
    </rPh>
    <rPh sb="8" eb="10">
      <t>ヘイキン</t>
    </rPh>
    <rPh sb="10" eb="12">
      <t>ゲッカン</t>
    </rPh>
    <rPh sb="12" eb="14">
      <t>ゲンキン</t>
    </rPh>
    <rPh sb="14" eb="16">
      <t>キュウヨ</t>
    </rPh>
    <rPh sb="16" eb="17">
      <t>ガク</t>
    </rPh>
    <rPh sb="18" eb="20">
      <t>マイツキ</t>
    </rPh>
    <rPh sb="20" eb="22">
      <t>キンロウ</t>
    </rPh>
    <rPh sb="22" eb="24">
      <t>トウケイ</t>
    </rPh>
    <rPh sb="24" eb="26">
      <t>チョウサ</t>
    </rPh>
    <rPh sb="27" eb="30">
      <t>ナガノケン</t>
    </rPh>
    <rPh sb="31" eb="34">
      <t>トウキョウト</t>
    </rPh>
    <rPh sb="42" eb="44">
      <t>インヨウ</t>
    </rPh>
    <phoneticPr fontId="2"/>
  </si>
  <si>
    <t>1本</t>
    <rPh sb="1" eb="2">
      <t>ホン</t>
    </rPh>
    <phoneticPr fontId="2"/>
  </si>
  <si>
    <t>1箱・100ml×10</t>
    <rPh sb="1" eb="2">
      <t>ハコ</t>
    </rPh>
    <phoneticPr fontId="2"/>
  </si>
  <si>
    <t>令和元年</t>
    <rPh sb="0" eb="4">
      <t>レイワガンネン</t>
    </rPh>
    <phoneticPr fontId="2"/>
  </si>
  <si>
    <t>100g</t>
    <phoneticPr fontId="2"/>
  </si>
  <si>
    <t>1000組</t>
    <rPh sb="4" eb="5">
      <t>ク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0;&quot;△ &quot;#,##0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</font>
    <font>
      <sz val="12"/>
      <color indexed="10"/>
      <name val="ＭＳ 明朝"/>
      <family val="1"/>
      <charset val="128"/>
    </font>
    <font>
      <b/>
      <sz val="12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rgb="FFFFFF99"/>
        <bgColor indexed="64"/>
      </patternFill>
    </fill>
  </fills>
  <borders count="4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18">
    <xf numFmtId="0" fontId="0" fillId="0" borderId="0" xfId="0"/>
    <xf numFmtId="0" fontId="3" fillId="0" borderId="0" xfId="0" applyFont="1"/>
    <xf numFmtId="0" fontId="3" fillId="0" borderId="0" xfId="0" applyFont="1" applyAlignment="1">
      <alignment horizontal="center"/>
    </xf>
    <xf numFmtId="176" fontId="3" fillId="0" borderId="1" xfId="0" applyNumberFormat="1" applyFont="1" applyFill="1" applyBorder="1" applyAlignment="1">
      <alignment horizontal="left" vertical="center"/>
    </xf>
    <xf numFmtId="176" fontId="3" fillId="0" borderId="2" xfId="0" applyNumberFormat="1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center" vertical="center" shrinkToFit="1"/>
    </xf>
    <xf numFmtId="177" fontId="3" fillId="0" borderId="4" xfId="0" applyNumberFormat="1" applyFont="1" applyFill="1" applyBorder="1" applyAlignment="1">
      <alignment horizontal="center" vertical="center" wrapText="1"/>
    </xf>
    <xf numFmtId="177" fontId="3" fillId="0" borderId="4" xfId="0" applyNumberFormat="1" applyFont="1" applyFill="1" applyBorder="1" applyAlignment="1">
      <alignment horizontal="center" wrapText="1"/>
    </xf>
    <xf numFmtId="177" fontId="3" fillId="0" borderId="5" xfId="0" applyNumberFormat="1" applyFont="1" applyFill="1" applyBorder="1" applyAlignment="1">
      <alignment horizontal="center" wrapText="1"/>
    </xf>
    <xf numFmtId="177" fontId="5" fillId="0" borderId="4" xfId="0" applyNumberFormat="1" applyFont="1" applyFill="1" applyBorder="1" applyAlignment="1">
      <alignment horizontal="center" wrapText="1"/>
    </xf>
    <xf numFmtId="0" fontId="3" fillId="0" borderId="0" xfId="0" applyFont="1" applyAlignment="1">
      <alignment horizontal="left"/>
    </xf>
    <xf numFmtId="38" fontId="3" fillId="0" borderId="6" xfId="1" applyFont="1" applyBorder="1" applyAlignment="1">
      <alignment horizontal="center" wrapText="1"/>
    </xf>
    <xf numFmtId="38" fontId="3" fillId="0" borderId="6" xfId="1" applyFont="1" applyBorder="1" applyAlignment="1">
      <alignment wrapText="1"/>
    </xf>
    <xf numFmtId="38" fontId="3" fillId="0" borderId="6" xfId="1" applyFont="1" applyBorder="1" applyAlignment="1">
      <alignment horizontal="right" wrapText="1"/>
    </xf>
    <xf numFmtId="38" fontId="3" fillId="0" borderId="7" xfId="1" applyFont="1" applyBorder="1" applyAlignment="1">
      <alignment wrapText="1"/>
    </xf>
    <xf numFmtId="177" fontId="3" fillId="0" borderId="0" xfId="0" applyNumberFormat="1" applyFont="1" applyFill="1" applyBorder="1" applyAlignment="1">
      <alignment horizontal="left" vertical="center" shrinkToFit="1"/>
    </xf>
    <xf numFmtId="177" fontId="3" fillId="0" borderId="0" xfId="0" applyNumberFormat="1" applyFont="1" applyFill="1" applyBorder="1" applyAlignment="1">
      <alignment horizontal="left" shrinkToFit="1"/>
    </xf>
    <xf numFmtId="177" fontId="3" fillId="0" borderId="8" xfId="0" applyNumberFormat="1" applyFont="1" applyFill="1" applyBorder="1" applyAlignment="1">
      <alignment horizontal="left" shrinkToFit="1"/>
    </xf>
    <xf numFmtId="0" fontId="3" fillId="0" borderId="0" xfId="0" applyFont="1" applyAlignment="1">
      <alignment horizontal="left" shrinkToFit="1"/>
    </xf>
    <xf numFmtId="0" fontId="3" fillId="0" borderId="9" xfId="0" applyFont="1" applyBorder="1" applyAlignment="1">
      <alignment horizontal="center" vertical="center" wrapText="1"/>
    </xf>
    <xf numFmtId="38" fontId="3" fillId="0" borderId="0" xfId="1" applyFont="1" applyAlignment="1">
      <alignment horizontal="right"/>
    </xf>
    <xf numFmtId="38" fontId="3" fillId="2" borderId="1" xfId="1" applyFont="1" applyFill="1" applyBorder="1" applyAlignment="1">
      <alignment horizontal="right" vertical="center" wrapText="1"/>
    </xf>
    <xf numFmtId="38" fontId="3" fillId="2" borderId="0" xfId="1" applyFont="1" applyFill="1" applyBorder="1" applyAlignment="1">
      <alignment horizontal="right" vertical="center" shrinkToFit="1"/>
    </xf>
    <xf numFmtId="38" fontId="3" fillId="2" borderId="6" xfId="1" applyFont="1" applyFill="1" applyBorder="1" applyAlignment="1">
      <alignment horizontal="right" vertical="center"/>
    </xf>
    <xf numFmtId="0" fontId="3" fillId="0" borderId="0" xfId="0" applyFont="1" applyFill="1" applyAlignment="1">
      <alignment horizontal="center"/>
    </xf>
    <xf numFmtId="176" fontId="6" fillId="0" borderId="1" xfId="0" applyNumberFormat="1" applyFont="1" applyFill="1" applyBorder="1" applyAlignment="1">
      <alignment horizontal="left" vertical="center"/>
    </xf>
    <xf numFmtId="177" fontId="6" fillId="0" borderId="0" xfId="0" applyNumberFormat="1" applyFont="1" applyFill="1" applyBorder="1" applyAlignment="1">
      <alignment horizontal="left" shrinkToFit="1"/>
    </xf>
    <xf numFmtId="38" fontId="3" fillId="0" borderId="4" xfId="1" applyFont="1" applyBorder="1" applyAlignment="1">
      <alignment horizontal="center" wrapText="1"/>
    </xf>
    <xf numFmtId="38" fontId="4" fillId="0" borderId="6" xfId="1" applyFont="1" applyBorder="1" applyAlignment="1">
      <alignment horizontal="center"/>
    </xf>
    <xf numFmtId="38" fontId="3" fillId="0" borderId="6" xfId="1" applyFont="1" applyFill="1" applyBorder="1" applyAlignment="1">
      <alignment horizontal="right"/>
    </xf>
    <xf numFmtId="38" fontId="3" fillId="0" borderId="5" xfId="1" applyFont="1" applyBorder="1" applyAlignment="1">
      <alignment horizontal="center" wrapText="1"/>
    </xf>
    <xf numFmtId="38" fontId="3" fillId="0" borderId="7" xfId="1" applyFont="1" applyFill="1" applyBorder="1" applyAlignment="1">
      <alignment horizontal="right"/>
    </xf>
    <xf numFmtId="0" fontId="3" fillId="0" borderId="10" xfId="0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/>
    </xf>
    <xf numFmtId="38" fontId="3" fillId="0" borderId="11" xfId="1" applyFont="1" applyFill="1" applyBorder="1" applyAlignment="1">
      <alignment horizontal="right"/>
    </xf>
    <xf numFmtId="38" fontId="3" fillId="0" borderId="12" xfId="1" applyFont="1" applyFill="1" applyBorder="1" applyAlignment="1">
      <alignment horizontal="right"/>
    </xf>
    <xf numFmtId="38" fontId="3" fillId="0" borderId="6" xfId="1" applyFont="1" applyFill="1" applyBorder="1" applyAlignment="1">
      <alignment horizontal="center" wrapText="1"/>
    </xf>
    <xf numFmtId="38" fontId="3" fillId="0" borderId="7" xfId="1" applyFont="1" applyFill="1" applyBorder="1" applyAlignment="1">
      <alignment horizontal="center" wrapText="1"/>
    </xf>
    <xf numFmtId="0" fontId="3" fillId="0" borderId="13" xfId="0" applyFont="1" applyBorder="1" applyAlignment="1">
      <alignment horizontal="center" vertical="center" wrapText="1"/>
    </xf>
    <xf numFmtId="38" fontId="3" fillId="0" borderId="6" xfId="1" applyFont="1" applyFill="1" applyBorder="1" applyAlignment="1">
      <alignment wrapText="1"/>
    </xf>
    <xf numFmtId="38" fontId="3" fillId="0" borderId="4" xfId="1" applyFont="1" applyFill="1" applyBorder="1" applyAlignment="1">
      <alignment horizontal="center" wrapText="1"/>
    </xf>
    <xf numFmtId="38" fontId="3" fillId="3" borderId="4" xfId="1" applyFont="1" applyFill="1" applyBorder="1" applyAlignment="1">
      <alignment horizontal="right" vertical="center"/>
    </xf>
    <xf numFmtId="38" fontId="3" fillId="3" borderId="4" xfId="1" applyFont="1" applyFill="1" applyBorder="1" applyAlignment="1">
      <alignment horizontal="center" vertical="center"/>
    </xf>
    <xf numFmtId="38" fontId="3" fillId="3" borderId="6" xfId="1" applyFont="1" applyFill="1" applyBorder="1" applyAlignment="1">
      <alignment horizontal="center" vertical="center"/>
    </xf>
    <xf numFmtId="38" fontId="3" fillId="0" borderId="14" xfId="1" applyFont="1" applyBorder="1" applyAlignment="1">
      <alignment horizontal="center"/>
    </xf>
    <xf numFmtId="38" fontId="3" fillId="0" borderId="15" xfId="1" applyFont="1" applyBorder="1" applyAlignment="1">
      <alignment horizontal="center"/>
    </xf>
    <xf numFmtId="38" fontId="3" fillId="3" borderId="0" xfId="1" applyFont="1" applyFill="1" applyBorder="1"/>
    <xf numFmtId="38" fontId="3" fillId="3" borderId="16" xfId="1" applyFont="1" applyFill="1" applyBorder="1"/>
    <xf numFmtId="0" fontId="3" fillId="0" borderId="1" xfId="0" applyFont="1" applyBorder="1"/>
    <xf numFmtId="38" fontId="3" fillId="0" borderId="0" xfId="1" applyFont="1" applyBorder="1"/>
    <xf numFmtId="38" fontId="3" fillId="0" borderId="16" xfId="1" applyFont="1" applyBorder="1"/>
    <xf numFmtId="0" fontId="3" fillId="0" borderId="16" xfId="0" applyFont="1" applyBorder="1"/>
    <xf numFmtId="38" fontId="3" fillId="0" borderId="0" xfId="1" applyFont="1"/>
    <xf numFmtId="0" fontId="3" fillId="0" borderId="1" xfId="0" applyFont="1" applyBorder="1" applyAlignment="1">
      <alignment shrinkToFit="1"/>
    </xf>
    <xf numFmtId="0" fontId="3" fillId="0" borderId="1" xfId="0" applyFont="1" applyFill="1" applyBorder="1"/>
    <xf numFmtId="38" fontId="3" fillId="0" borderId="0" xfId="1" applyFont="1" applyFill="1" applyBorder="1"/>
    <xf numFmtId="38" fontId="3" fillId="0" borderId="16" xfId="1" applyFont="1" applyFill="1" applyBorder="1"/>
    <xf numFmtId="0" fontId="7" fillId="3" borderId="1" xfId="0" applyFont="1" applyFill="1" applyBorder="1" applyAlignment="1">
      <alignment horizontal="right" vertical="center"/>
    </xf>
    <xf numFmtId="0" fontId="3" fillId="0" borderId="17" xfId="0" applyFont="1" applyBorder="1" applyAlignment="1">
      <alignment horizontal="center" vertical="center" shrinkToFit="1"/>
    </xf>
    <xf numFmtId="38" fontId="3" fillId="3" borderId="17" xfId="1" applyFont="1" applyFill="1" applyBorder="1" applyAlignment="1">
      <alignment horizontal="center" vertical="center" shrinkToFit="1"/>
    </xf>
    <xf numFmtId="0" fontId="3" fillId="0" borderId="17" xfId="0" applyFont="1" applyBorder="1"/>
    <xf numFmtId="0" fontId="3" fillId="0" borderId="17" xfId="0" applyFont="1" applyFill="1" applyBorder="1"/>
    <xf numFmtId="0" fontId="3" fillId="0" borderId="18" xfId="0" applyFont="1" applyBorder="1"/>
    <xf numFmtId="0" fontId="3" fillId="0" borderId="0" xfId="0" applyFont="1" applyBorder="1"/>
    <xf numFmtId="0" fontId="3" fillId="0" borderId="0" xfId="0" applyFont="1" applyBorder="1" applyAlignment="1">
      <alignment shrinkToFit="1"/>
    </xf>
    <xf numFmtId="0" fontId="3" fillId="0" borderId="0" xfId="0" applyFont="1" applyFill="1" applyBorder="1"/>
    <xf numFmtId="0" fontId="3" fillId="0" borderId="2" xfId="0" applyFont="1" applyBorder="1"/>
    <xf numFmtId="38" fontId="3" fillId="0" borderId="8" xfId="1" applyFont="1" applyBorder="1"/>
    <xf numFmtId="38" fontId="3" fillId="0" borderId="19" xfId="1" applyFont="1" applyBorder="1"/>
    <xf numFmtId="0" fontId="3" fillId="0" borderId="8" xfId="0" applyFont="1" applyBorder="1"/>
    <xf numFmtId="0" fontId="3" fillId="0" borderId="20" xfId="0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/>
    </xf>
    <xf numFmtId="38" fontId="3" fillId="0" borderId="0" xfId="1" applyFont="1" applyFill="1" applyBorder="1" applyAlignment="1">
      <alignment horizontal="right"/>
    </xf>
    <xf numFmtId="38" fontId="3" fillId="0" borderId="8" xfId="1" applyFont="1" applyFill="1" applyBorder="1" applyAlignment="1">
      <alignment horizontal="right"/>
    </xf>
    <xf numFmtId="0" fontId="3" fillId="0" borderId="17" xfId="0" applyFont="1" applyBorder="1" applyAlignment="1">
      <alignment shrinkToFit="1"/>
    </xf>
    <xf numFmtId="38" fontId="9" fillId="0" borderId="16" xfId="1" applyFont="1" applyBorder="1"/>
    <xf numFmtId="0" fontId="9" fillId="0" borderId="0" xfId="0" applyFont="1"/>
    <xf numFmtId="38" fontId="3" fillId="0" borderId="0" xfId="1" applyFont="1" applyBorder="1" applyAlignment="1">
      <alignment horizontal="right"/>
    </xf>
    <xf numFmtId="38" fontId="3" fillId="0" borderId="16" xfId="1" applyFont="1" applyBorder="1" applyAlignment="1">
      <alignment horizontal="right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3" fillId="0" borderId="25" xfId="0" applyFont="1" applyBorder="1" applyAlignment="1">
      <alignment horizontal="center"/>
    </xf>
    <xf numFmtId="0" fontId="3" fillId="0" borderId="13" xfId="0" applyFont="1" applyBorder="1" applyAlignment="1">
      <alignment horizontal="center"/>
    </xf>
    <xf numFmtId="0" fontId="8" fillId="0" borderId="26" xfId="0" applyFont="1" applyFill="1" applyBorder="1" applyAlignment="1">
      <alignment horizontal="right" vertical="center"/>
    </xf>
    <xf numFmtId="0" fontId="8" fillId="0" borderId="27" xfId="0" applyFont="1" applyFill="1" applyBorder="1" applyAlignment="1">
      <alignment horizontal="right" vertical="center"/>
    </xf>
    <xf numFmtId="0" fontId="8" fillId="0" borderId="28" xfId="0" applyFont="1" applyFill="1" applyBorder="1" applyAlignment="1">
      <alignment horizontal="right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32" xfId="0" applyFont="1" applyFill="1" applyBorder="1" applyAlignment="1">
      <alignment horizontal="center" vertical="center"/>
    </xf>
    <xf numFmtId="0" fontId="3" fillId="0" borderId="36" xfId="0" applyFont="1" applyFill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/>
    </xf>
    <xf numFmtId="0" fontId="3" fillId="0" borderId="46" xfId="0" applyFont="1" applyBorder="1" applyAlignment="1">
      <alignment horizontal="center"/>
    </xf>
    <xf numFmtId="0" fontId="3" fillId="0" borderId="47" xfId="0" applyFont="1" applyBorder="1" applyAlignment="1">
      <alignment horizontal="center"/>
    </xf>
    <xf numFmtId="0" fontId="3" fillId="0" borderId="29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 shrinkToFit="1"/>
    </xf>
    <xf numFmtId="0" fontId="3" fillId="0" borderId="30" xfId="0" applyFont="1" applyBorder="1" applyAlignment="1">
      <alignment horizontal="center" vertical="center" shrinkToFit="1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3" fillId="0" borderId="36" xfId="0" applyFont="1" applyBorder="1" applyAlignment="1">
      <alignment horizontal="center" vertical="center" shrinkToFit="1"/>
    </xf>
    <xf numFmtId="0" fontId="0" fillId="0" borderId="35" xfId="0" applyBorder="1" applyAlignment="1">
      <alignment horizontal="center" vertical="center" shrinkToFit="1"/>
    </xf>
    <xf numFmtId="0" fontId="3" fillId="0" borderId="37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38" fontId="3" fillId="3" borderId="39" xfId="1" applyFont="1" applyFill="1" applyBorder="1" applyAlignment="1">
      <alignment horizontal="right" vertical="center" shrinkToFit="1"/>
    </xf>
    <xf numFmtId="38" fontId="3" fillId="3" borderId="27" xfId="1" applyFont="1" applyFill="1" applyBorder="1" applyAlignment="1">
      <alignment horizontal="right" vertical="center" shrinkToFit="1"/>
    </xf>
    <xf numFmtId="0" fontId="0" fillId="3" borderId="40" xfId="0" applyFill="1" applyBorder="1" applyAlignment="1">
      <alignment horizontal="right" vertical="center" shrinkToFit="1"/>
    </xf>
    <xf numFmtId="0" fontId="3" fillId="0" borderId="21" xfId="0" quotePrefix="1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42" xfId="0" applyFont="1" applyBorder="1" applyAlignment="1">
      <alignment horizontal="center" vertical="center" shrinkToFit="1"/>
    </xf>
    <xf numFmtId="0" fontId="3" fillId="0" borderId="33" xfId="0" quotePrefix="1" applyFont="1" applyBorder="1" applyAlignment="1">
      <alignment horizontal="center" vertical="center"/>
    </xf>
    <xf numFmtId="0" fontId="3" fillId="0" borderId="36" xfId="0" quotePrefix="1" applyFont="1" applyFill="1" applyBorder="1" applyAlignment="1">
      <alignment horizontal="center" vertical="center" shrinkToFit="1"/>
    </xf>
    <xf numFmtId="0" fontId="3" fillId="0" borderId="35" xfId="0" quotePrefix="1" applyFont="1" applyFill="1" applyBorder="1" applyAlignment="1">
      <alignment horizontal="center" vertical="center" shrinkToFit="1"/>
    </xf>
    <xf numFmtId="0" fontId="4" fillId="0" borderId="43" xfId="0" applyFont="1" applyFill="1" applyBorder="1" applyAlignment="1">
      <alignment horizontal="center" vertical="center"/>
    </xf>
    <xf numFmtId="0" fontId="4" fillId="0" borderId="44" xfId="0" applyFont="1" applyFill="1" applyBorder="1" applyAlignment="1">
      <alignment horizontal="center" vertical="center"/>
    </xf>
    <xf numFmtId="0" fontId="4" fillId="0" borderId="45" xfId="0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81"/>
  <sheetViews>
    <sheetView tabSelected="1" zoomScale="85" zoomScaleNormal="85" zoomScaleSheetLayoutView="85" workbookViewId="0">
      <pane xSplit="1" ySplit="9" topLeftCell="C22" activePane="bottomRight" state="frozen"/>
      <selection pane="topRight" activeCell="B1" sqref="B1"/>
      <selection pane="bottomLeft" activeCell="A10" sqref="A10"/>
      <selection pane="bottomRight" activeCell="A3" sqref="A3"/>
    </sheetView>
  </sheetViews>
  <sheetFormatPr defaultRowHeight="14.25" x14ac:dyDescent="0.15"/>
  <cols>
    <col min="1" max="1" width="24.5" style="1" customWidth="1"/>
    <col min="2" max="2" width="20.625" style="1" customWidth="1"/>
    <col min="3" max="4" width="9" style="52" customWidth="1"/>
    <col min="5" max="5" width="20.625" style="1" customWidth="1"/>
    <col min="6" max="6" width="9" style="52" customWidth="1"/>
    <col min="7" max="7" width="9" style="1" customWidth="1"/>
    <col min="8" max="8" width="20.625" style="1" customWidth="1"/>
    <col min="9" max="10" width="9" style="1" customWidth="1"/>
    <col min="11" max="11" width="20.625" style="1" customWidth="1"/>
    <col min="12" max="13" width="9" style="1" customWidth="1"/>
    <col min="14" max="14" width="20.625" style="1" customWidth="1"/>
    <col min="15" max="16" width="9" style="1" customWidth="1"/>
    <col min="17" max="17" width="20.625" style="1" customWidth="1"/>
    <col min="18" max="19" width="9" style="1"/>
    <col min="20" max="20" width="20.625" style="1" customWidth="1"/>
    <col min="21" max="16384" width="9" style="1"/>
  </cols>
  <sheetData>
    <row r="1" spans="1:22" x14ac:dyDescent="0.15">
      <c r="A1" s="76" t="s">
        <v>293</v>
      </c>
    </row>
    <row r="2" spans="1:22" ht="9" customHeight="1" x14ac:dyDescent="0.15"/>
    <row r="3" spans="1:22" ht="20.100000000000001" customHeight="1" thickBot="1" x14ac:dyDescent="0.2">
      <c r="A3" s="1" t="s">
        <v>274</v>
      </c>
    </row>
    <row r="4" spans="1:22" ht="15" customHeight="1" x14ac:dyDescent="0.15">
      <c r="A4" s="94" t="s">
        <v>148</v>
      </c>
      <c r="B4" s="97" t="s">
        <v>175</v>
      </c>
      <c r="C4" s="79"/>
      <c r="D4" s="80"/>
      <c r="E4" s="97" t="s">
        <v>249</v>
      </c>
      <c r="F4" s="79"/>
      <c r="G4" s="80"/>
      <c r="H4" s="79" t="s">
        <v>264</v>
      </c>
      <c r="I4" s="79"/>
      <c r="J4" s="80"/>
      <c r="K4" s="79" t="s">
        <v>277</v>
      </c>
      <c r="L4" s="79"/>
      <c r="M4" s="80"/>
      <c r="N4" s="79" t="s">
        <v>278</v>
      </c>
      <c r="O4" s="79"/>
      <c r="P4" s="80"/>
      <c r="Q4" s="79" t="s">
        <v>296</v>
      </c>
      <c r="R4" s="79"/>
      <c r="S4" s="80"/>
      <c r="T4" s="79" t="s">
        <v>307</v>
      </c>
      <c r="U4" s="79"/>
      <c r="V4" s="80"/>
    </row>
    <row r="5" spans="1:22" ht="15" customHeight="1" x14ac:dyDescent="0.15">
      <c r="A5" s="95"/>
      <c r="B5" s="88" t="s">
        <v>177</v>
      </c>
      <c r="C5" s="44" t="s">
        <v>174</v>
      </c>
      <c r="D5" s="45" t="s">
        <v>165</v>
      </c>
      <c r="E5" s="88" t="s">
        <v>177</v>
      </c>
      <c r="F5" s="44" t="s">
        <v>174</v>
      </c>
      <c r="G5" s="45" t="s">
        <v>165</v>
      </c>
      <c r="H5" s="81" t="s">
        <v>177</v>
      </c>
      <c r="I5" s="44" t="s">
        <v>174</v>
      </c>
      <c r="J5" s="45" t="s">
        <v>165</v>
      </c>
      <c r="K5" s="81" t="s">
        <v>177</v>
      </c>
      <c r="L5" s="44" t="s">
        <v>174</v>
      </c>
      <c r="M5" s="45" t="s">
        <v>165</v>
      </c>
      <c r="N5" s="81" t="s">
        <v>177</v>
      </c>
      <c r="O5" s="44" t="s">
        <v>174</v>
      </c>
      <c r="P5" s="45" t="s">
        <v>165</v>
      </c>
      <c r="Q5" s="81" t="s">
        <v>177</v>
      </c>
      <c r="R5" s="44" t="s">
        <v>174</v>
      </c>
      <c r="S5" s="45" t="s">
        <v>165</v>
      </c>
      <c r="T5" s="90" t="s">
        <v>177</v>
      </c>
      <c r="U5" s="44" t="s">
        <v>174</v>
      </c>
      <c r="V5" s="45" t="s">
        <v>165</v>
      </c>
    </row>
    <row r="6" spans="1:22" ht="15" customHeight="1" thickBot="1" x14ac:dyDescent="0.2">
      <c r="A6" s="96"/>
      <c r="B6" s="89"/>
      <c r="C6" s="83" t="s">
        <v>166</v>
      </c>
      <c r="D6" s="84"/>
      <c r="E6" s="89"/>
      <c r="F6" s="83" t="s">
        <v>166</v>
      </c>
      <c r="G6" s="84"/>
      <c r="H6" s="82"/>
      <c r="I6" s="83" t="s">
        <v>166</v>
      </c>
      <c r="J6" s="84"/>
      <c r="K6" s="82"/>
      <c r="L6" s="83" t="s">
        <v>166</v>
      </c>
      <c r="M6" s="84"/>
      <c r="N6" s="82"/>
      <c r="O6" s="83" t="s">
        <v>166</v>
      </c>
      <c r="P6" s="84"/>
      <c r="Q6" s="82"/>
      <c r="R6" s="83" t="s">
        <v>166</v>
      </c>
      <c r="S6" s="84"/>
      <c r="T6" s="91"/>
      <c r="U6" s="92" t="s">
        <v>166</v>
      </c>
      <c r="V6" s="93"/>
    </row>
    <row r="7" spans="1:22" ht="15" thickTop="1" x14ac:dyDescent="0.15">
      <c r="A7" s="58"/>
      <c r="B7" s="85" t="s">
        <v>273</v>
      </c>
      <c r="C7" s="86"/>
      <c r="D7" s="87"/>
      <c r="E7" s="85" t="s">
        <v>273</v>
      </c>
      <c r="F7" s="86"/>
      <c r="G7" s="87"/>
      <c r="H7" s="85" t="s">
        <v>273</v>
      </c>
      <c r="I7" s="86"/>
      <c r="J7" s="87"/>
      <c r="K7" s="85" t="s">
        <v>273</v>
      </c>
      <c r="L7" s="86"/>
      <c r="M7" s="87"/>
      <c r="N7" s="85" t="s">
        <v>273</v>
      </c>
      <c r="O7" s="86"/>
      <c r="P7" s="87"/>
      <c r="Q7" s="85" t="s">
        <v>273</v>
      </c>
      <c r="R7" s="86"/>
      <c r="S7" s="87"/>
      <c r="T7" s="85" t="s">
        <v>273</v>
      </c>
      <c r="U7" s="86"/>
      <c r="V7" s="87"/>
    </row>
    <row r="8" spans="1:22" ht="19.5" customHeight="1" x14ac:dyDescent="0.15">
      <c r="A8" s="59" t="s">
        <v>154</v>
      </c>
      <c r="B8" s="57" t="s">
        <v>272</v>
      </c>
      <c r="C8" s="46">
        <v>324263</v>
      </c>
      <c r="D8" s="47">
        <v>463833</v>
      </c>
      <c r="E8" s="57" t="s">
        <v>272</v>
      </c>
      <c r="F8" s="46">
        <v>327600</v>
      </c>
      <c r="G8" s="47">
        <v>468699</v>
      </c>
      <c r="H8" s="57" t="s">
        <v>272</v>
      </c>
      <c r="I8" s="46">
        <v>340668</v>
      </c>
      <c r="J8" s="47">
        <v>458192</v>
      </c>
      <c r="K8" s="57" t="s">
        <v>272</v>
      </c>
      <c r="L8" s="46">
        <v>340807</v>
      </c>
      <c r="M8" s="47">
        <v>458920</v>
      </c>
      <c r="N8" s="57" t="s">
        <v>272</v>
      </c>
      <c r="O8" s="46">
        <v>341815</v>
      </c>
      <c r="P8" s="47">
        <v>462436</v>
      </c>
      <c r="Q8" s="57" t="s">
        <v>272</v>
      </c>
      <c r="R8" s="46">
        <v>344972</v>
      </c>
      <c r="S8" s="47">
        <v>467598</v>
      </c>
      <c r="T8" s="57" t="s">
        <v>272</v>
      </c>
      <c r="U8" s="46">
        <v>340606</v>
      </c>
      <c r="V8" s="47">
        <v>466397</v>
      </c>
    </row>
    <row r="9" spans="1:22" x14ac:dyDescent="0.15">
      <c r="A9" s="60"/>
      <c r="B9" s="48"/>
      <c r="C9" s="49"/>
      <c r="D9" s="50"/>
      <c r="E9" s="48"/>
      <c r="F9" s="49"/>
      <c r="G9" s="51"/>
      <c r="H9" s="63"/>
      <c r="I9" s="63"/>
      <c r="J9" s="51"/>
      <c r="K9" s="63"/>
      <c r="L9" s="63"/>
      <c r="M9" s="51"/>
      <c r="N9" s="63"/>
      <c r="O9" s="63"/>
      <c r="P9" s="51"/>
      <c r="Q9" s="63"/>
      <c r="R9" s="63"/>
      <c r="S9" s="51"/>
      <c r="T9" s="63"/>
      <c r="U9" s="63"/>
      <c r="V9" s="51"/>
    </row>
    <row r="10" spans="1:22" ht="19.5" customHeight="1" x14ac:dyDescent="0.15">
      <c r="A10" s="60" t="s">
        <v>176</v>
      </c>
      <c r="B10" s="48" t="s">
        <v>178</v>
      </c>
      <c r="C10" s="49">
        <v>2278</v>
      </c>
      <c r="D10" s="50">
        <v>2580</v>
      </c>
      <c r="E10" s="48" t="s">
        <v>178</v>
      </c>
      <c r="F10" s="49">
        <v>1756</v>
      </c>
      <c r="G10" s="50">
        <v>2452</v>
      </c>
      <c r="H10" s="63" t="s">
        <v>178</v>
      </c>
      <c r="I10" s="49">
        <v>1646</v>
      </c>
      <c r="J10" s="50">
        <v>2285</v>
      </c>
      <c r="K10" s="63" t="s">
        <v>178</v>
      </c>
      <c r="L10" s="49">
        <v>1776</v>
      </c>
      <c r="M10" s="75">
        <v>2356</v>
      </c>
      <c r="N10" s="63" t="s">
        <v>178</v>
      </c>
      <c r="O10" s="49">
        <v>1887</v>
      </c>
      <c r="P10" s="50">
        <v>2409</v>
      </c>
      <c r="Q10" s="63" t="s">
        <v>178</v>
      </c>
      <c r="R10" s="49">
        <v>2005</v>
      </c>
      <c r="S10" s="50">
        <v>2482</v>
      </c>
      <c r="T10" s="63" t="s">
        <v>178</v>
      </c>
      <c r="U10" s="49">
        <v>1944</v>
      </c>
      <c r="V10" s="50">
        <v>2481</v>
      </c>
    </row>
    <row r="11" spans="1:22" ht="19.5" customHeight="1" x14ac:dyDescent="0.15">
      <c r="A11" s="60" t="s">
        <v>179</v>
      </c>
      <c r="B11" s="48" t="s">
        <v>178</v>
      </c>
      <c r="C11" s="49">
        <v>1951</v>
      </c>
      <c r="D11" s="50">
        <v>2314</v>
      </c>
      <c r="E11" s="48" t="s">
        <v>178</v>
      </c>
      <c r="F11" s="49">
        <v>1846</v>
      </c>
      <c r="G11" s="50">
        <v>2177</v>
      </c>
      <c r="H11" s="63" t="s">
        <v>178</v>
      </c>
      <c r="I11" s="49">
        <v>2021</v>
      </c>
      <c r="J11" s="50">
        <v>1978</v>
      </c>
      <c r="K11" s="63" t="s">
        <v>178</v>
      </c>
      <c r="L11" s="49">
        <v>2100</v>
      </c>
      <c r="M11" s="75">
        <v>2008</v>
      </c>
      <c r="N11" s="63" t="s">
        <v>178</v>
      </c>
      <c r="O11" s="49">
        <v>2435</v>
      </c>
      <c r="P11" s="50">
        <v>2129</v>
      </c>
      <c r="Q11" s="63" t="s">
        <v>178</v>
      </c>
      <c r="R11" s="49">
        <v>2481</v>
      </c>
      <c r="S11" s="50">
        <v>2272</v>
      </c>
      <c r="T11" s="63" t="s">
        <v>178</v>
      </c>
      <c r="U11" s="49">
        <v>2269</v>
      </c>
      <c r="V11" s="50">
        <v>2258</v>
      </c>
    </row>
    <row r="12" spans="1:22" ht="19.5" customHeight="1" x14ac:dyDescent="0.15">
      <c r="A12" s="60" t="s">
        <v>180</v>
      </c>
      <c r="B12" s="48" t="s">
        <v>131</v>
      </c>
      <c r="C12" s="49">
        <v>351</v>
      </c>
      <c r="D12" s="50">
        <v>407</v>
      </c>
      <c r="E12" s="48" t="s">
        <v>131</v>
      </c>
      <c r="F12" s="49">
        <v>357</v>
      </c>
      <c r="G12" s="50">
        <v>413</v>
      </c>
      <c r="H12" s="63" t="s">
        <v>131</v>
      </c>
      <c r="I12" s="49">
        <v>374</v>
      </c>
      <c r="J12" s="50">
        <v>416</v>
      </c>
      <c r="K12" s="63" t="s">
        <v>131</v>
      </c>
      <c r="L12" s="49">
        <v>391</v>
      </c>
      <c r="M12" s="75">
        <v>426</v>
      </c>
      <c r="N12" s="63" t="s">
        <v>131</v>
      </c>
      <c r="O12" s="49">
        <v>392</v>
      </c>
      <c r="P12" s="50">
        <v>426</v>
      </c>
      <c r="Q12" s="63" t="s">
        <v>131</v>
      </c>
      <c r="R12" s="49">
        <v>379</v>
      </c>
      <c r="S12" s="50">
        <v>423</v>
      </c>
      <c r="T12" s="63" t="s">
        <v>131</v>
      </c>
      <c r="U12" s="49">
        <v>383</v>
      </c>
      <c r="V12" s="50">
        <v>430</v>
      </c>
    </row>
    <row r="13" spans="1:22" ht="19.5" customHeight="1" x14ac:dyDescent="0.15">
      <c r="A13" s="60" t="s">
        <v>181</v>
      </c>
      <c r="B13" s="48" t="s">
        <v>132</v>
      </c>
      <c r="C13" s="49">
        <v>75</v>
      </c>
      <c r="D13" s="50">
        <v>75</v>
      </c>
      <c r="E13" s="48" t="s">
        <v>132</v>
      </c>
      <c r="F13" s="49">
        <v>84</v>
      </c>
      <c r="G13" s="50">
        <v>89</v>
      </c>
      <c r="H13" s="63" t="s">
        <v>132</v>
      </c>
      <c r="I13" s="49">
        <v>94</v>
      </c>
      <c r="J13" s="50">
        <v>87</v>
      </c>
      <c r="K13" s="63" t="s">
        <v>132</v>
      </c>
      <c r="L13" s="49">
        <v>93</v>
      </c>
      <c r="M13" s="75">
        <v>88</v>
      </c>
      <c r="N13" s="63" t="s">
        <v>132</v>
      </c>
      <c r="O13" s="49">
        <v>87</v>
      </c>
      <c r="P13" s="50">
        <v>88</v>
      </c>
      <c r="Q13" s="63" t="s">
        <v>132</v>
      </c>
      <c r="R13" s="49">
        <v>82</v>
      </c>
      <c r="S13" s="50">
        <v>90</v>
      </c>
      <c r="T13" s="63" t="s">
        <v>132</v>
      </c>
      <c r="U13" s="49">
        <v>83</v>
      </c>
      <c r="V13" s="50">
        <v>91</v>
      </c>
    </row>
    <row r="14" spans="1:22" ht="19.5" customHeight="1" x14ac:dyDescent="0.15">
      <c r="A14" s="60" t="s">
        <v>182</v>
      </c>
      <c r="B14" s="48" t="s">
        <v>132</v>
      </c>
      <c r="C14" s="49">
        <v>87</v>
      </c>
      <c r="D14" s="50">
        <v>92</v>
      </c>
      <c r="E14" s="48" t="s">
        <v>132</v>
      </c>
      <c r="F14" s="49">
        <v>91</v>
      </c>
      <c r="G14" s="50">
        <v>98</v>
      </c>
      <c r="H14" s="63" t="s">
        <v>132</v>
      </c>
      <c r="I14" s="49">
        <v>99</v>
      </c>
      <c r="J14" s="50">
        <v>102</v>
      </c>
      <c r="K14" s="63" t="s">
        <v>132</v>
      </c>
      <c r="L14" s="49">
        <v>95</v>
      </c>
      <c r="M14" s="50">
        <v>101</v>
      </c>
      <c r="N14" s="63" t="s">
        <v>132</v>
      </c>
      <c r="O14" s="49">
        <v>93</v>
      </c>
      <c r="P14" s="50">
        <v>101</v>
      </c>
      <c r="Q14" s="63" t="s">
        <v>132</v>
      </c>
      <c r="R14" s="49">
        <v>95</v>
      </c>
      <c r="S14" s="50">
        <v>103</v>
      </c>
      <c r="T14" s="63" t="s">
        <v>132</v>
      </c>
      <c r="U14" s="49">
        <v>97</v>
      </c>
      <c r="V14" s="50">
        <v>101</v>
      </c>
    </row>
    <row r="15" spans="1:22" ht="19.5" customHeight="1" x14ac:dyDescent="0.15">
      <c r="A15" s="60" t="s">
        <v>183</v>
      </c>
      <c r="B15" s="48" t="s">
        <v>132</v>
      </c>
      <c r="C15" s="49">
        <v>55</v>
      </c>
      <c r="D15" s="50">
        <v>63</v>
      </c>
      <c r="E15" s="48" t="s">
        <v>131</v>
      </c>
      <c r="F15" s="49">
        <v>508</v>
      </c>
      <c r="G15" s="50">
        <v>626</v>
      </c>
      <c r="H15" s="63" t="s">
        <v>131</v>
      </c>
      <c r="I15" s="49">
        <v>458</v>
      </c>
      <c r="J15" s="50">
        <v>626</v>
      </c>
      <c r="K15" s="63" t="s">
        <v>131</v>
      </c>
      <c r="L15" s="49">
        <v>395</v>
      </c>
      <c r="M15" s="75">
        <v>629</v>
      </c>
      <c r="N15" s="63" t="s">
        <v>131</v>
      </c>
      <c r="O15" s="49">
        <v>393</v>
      </c>
      <c r="P15" s="50">
        <v>636</v>
      </c>
      <c r="Q15" s="63" t="s">
        <v>131</v>
      </c>
      <c r="R15" s="49">
        <v>393</v>
      </c>
      <c r="S15" s="50">
        <v>620</v>
      </c>
      <c r="T15" s="63" t="s">
        <v>131</v>
      </c>
      <c r="U15" s="49">
        <v>421</v>
      </c>
      <c r="V15" s="50">
        <v>600</v>
      </c>
    </row>
    <row r="16" spans="1:22" ht="19.5" customHeight="1" x14ac:dyDescent="0.15">
      <c r="A16" s="60" t="s">
        <v>279</v>
      </c>
      <c r="B16" s="48" t="s">
        <v>251</v>
      </c>
      <c r="C16" s="49">
        <v>131</v>
      </c>
      <c r="D16" s="50">
        <v>139</v>
      </c>
      <c r="E16" s="48" t="s">
        <v>209</v>
      </c>
      <c r="F16" s="49">
        <v>132</v>
      </c>
      <c r="G16" s="50">
        <v>142</v>
      </c>
      <c r="H16" s="63" t="s">
        <v>209</v>
      </c>
      <c r="I16" s="49">
        <v>146</v>
      </c>
      <c r="J16" s="50">
        <v>151</v>
      </c>
      <c r="K16" s="63" t="s">
        <v>209</v>
      </c>
      <c r="L16" s="49">
        <v>144</v>
      </c>
      <c r="M16" s="50">
        <v>151</v>
      </c>
      <c r="N16" s="63" t="s">
        <v>209</v>
      </c>
      <c r="O16" s="49">
        <v>139</v>
      </c>
      <c r="P16" s="50">
        <v>150</v>
      </c>
      <c r="Q16" s="63" t="s">
        <v>209</v>
      </c>
      <c r="R16" s="49">
        <v>140</v>
      </c>
      <c r="S16" s="50">
        <v>150</v>
      </c>
      <c r="T16" s="63" t="s">
        <v>209</v>
      </c>
      <c r="U16" s="49">
        <v>149</v>
      </c>
      <c r="V16" s="50">
        <v>154</v>
      </c>
    </row>
    <row r="17" spans="1:22" ht="19.5" customHeight="1" x14ac:dyDescent="0.15">
      <c r="A17" s="60" t="s">
        <v>184</v>
      </c>
      <c r="B17" s="48" t="s">
        <v>132</v>
      </c>
      <c r="C17" s="49">
        <v>408</v>
      </c>
      <c r="D17" s="50">
        <v>408</v>
      </c>
      <c r="E17" s="48" t="s">
        <v>132</v>
      </c>
      <c r="F17" s="49">
        <v>368</v>
      </c>
      <c r="G17" s="50">
        <v>428</v>
      </c>
      <c r="H17" s="63" t="s">
        <v>132</v>
      </c>
      <c r="I17" s="49">
        <v>352</v>
      </c>
      <c r="J17" s="50">
        <v>413</v>
      </c>
      <c r="K17" s="63" t="s">
        <v>132</v>
      </c>
      <c r="L17" s="49">
        <v>348</v>
      </c>
      <c r="M17" s="75">
        <v>419</v>
      </c>
      <c r="N17" s="63" t="s">
        <v>132</v>
      </c>
      <c r="O17" s="49">
        <v>365</v>
      </c>
      <c r="P17" s="50">
        <v>429</v>
      </c>
      <c r="Q17" s="63" t="s">
        <v>132</v>
      </c>
      <c r="R17" s="49">
        <v>384</v>
      </c>
      <c r="S17" s="50">
        <v>446</v>
      </c>
      <c r="T17" s="63" t="s">
        <v>132</v>
      </c>
      <c r="U17" s="49">
        <v>428</v>
      </c>
      <c r="V17" s="50">
        <v>435</v>
      </c>
    </row>
    <row r="18" spans="1:22" ht="19.5" customHeight="1" x14ac:dyDescent="0.15">
      <c r="A18" s="60" t="s">
        <v>280</v>
      </c>
      <c r="B18" s="48" t="s">
        <v>281</v>
      </c>
      <c r="C18" s="77" t="s">
        <v>281</v>
      </c>
      <c r="D18" s="78" t="s">
        <v>282</v>
      </c>
      <c r="E18" s="48" t="s">
        <v>281</v>
      </c>
      <c r="F18" s="77" t="s">
        <v>281</v>
      </c>
      <c r="G18" s="78" t="s">
        <v>282</v>
      </c>
      <c r="H18" s="48" t="s">
        <v>281</v>
      </c>
      <c r="I18" s="77" t="s">
        <v>281</v>
      </c>
      <c r="J18" s="78" t="s">
        <v>282</v>
      </c>
      <c r="K18" s="48" t="s">
        <v>281</v>
      </c>
      <c r="L18" s="77" t="s">
        <v>281</v>
      </c>
      <c r="M18" s="78" t="s">
        <v>282</v>
      </c>
      <c r="N18" s="63" t="s">
        <v>132</v>
      </c>
      <c r="O18" s="49">
        <v>371</v>
      </c>
      <c r="P18" s="50">
        <v>472</v>
      </c>
      <c r="Q18" s="63" t="s">
        <v>132</v>
      </c>
      <c r="R18" s="49">
        <v>500</v>
      </c>
      <c r="S18" s="50">
        <v>547</v>
      </c>
      <c r="T18" s="63" t="s">
        <v>132</v>
      </c>
      <c r="U18" s="49">
        <v>520</v>
      </c>
      <c r="V18" s="50">
        <v>576</v>
      </c>
    </row>
    <row r="19" spans="1:22" ht="19.5" customHeight="1" x14ac:dyDescent="0.15">
      <c r="A19" s="60" t="s">
        <v>283</v>
      </c>
      <c r="B19" s="48" t="s">
        <v>132</v>
      </c>
      <c r="C19" s="49">
        <v>88</v>
      </c>
      <c r="D19" s="50">
        <v>103</v>
      </c>
      <c r="E19" s="48" t="s">
        <v>132</v>
      </c>
      <c r="F19" s="49">
        <v>83</v>
      </c>
      <c r="G19" s="50">
        <v>106</v>
      </c>
      <c r="H19" s="63" t="s">
        <v>132</v>
      </c>
      <c r="I19" s="49">
        <v>86</v>
      </c>
      <c r="J19" s="50">
        <v>106</v>
      </c>
      <c r="K19" s="63" t="s">
        <v>132</v>
      </c>
      <c r="L19" s="49">
        <v>95</v>
      </c>
      <c r="M19" s="75">
        <v>107</v>
      </c>
      <c r="N19" s="63" t="s">
        <v>132</v>
      </c>
      <c r="O19" s="49">
        <v>94</v>
      </c>
      <c r="P19" s="50">
        <v>107</v>
      </c>
      <c r="Q19" s="63" t="s">
        <v>132</v>
      </c>
      <c r="R19" s="49">
        <v>96</v>
      </c>
      <c r="S19" s="50">
        <v>108</v>
      </c>
      <c r="T19" s="63" t="s">
        <v>132</v>
      </c>
      <c r="U19" s="49">
        <v>102</v>
      </c>
      <c r="V19" s="50">
        <v>111</v>
      </c>
    </row>
    <row r="20" spans="1:22" ht="19.5" customHeight="1" x14ac:dyDescent="0.15">
      <c r="A20" s="60" t="s">
        <v>185</v>
      </c>
      <c r="B20" s="48" t="s">
        <v>132</v>
      </c>
      <c r="C20" s="49">
        <v>55</v>
      </c>
      <c r="D20" s="50">
        <v>97</v>
      </c>
      <c r="E20" s="48" t="s">
        <v>132</v>
      </c>
      <c r="F20" s="49">
        <v>57</v>
      </c>
      <c r="G20" s="50">
        <v>95</v>
      </c>
      <c r="H20" s="63" t="s">
        <v>132</v>
      </c>
      <c r="I20" s="49">
        <v>58</v>
      </c>
      <c r="J20" s="50">
        <v>101</v>
      </c>
      <c r="K20" s="63" t="s">
        <v>132</v>
      </c>
      <c r="L20" s="49">
        <v>60</v>
      </c>
      <c r="M20" s="50">
        <v>102</v>
      </c>
      <c r="N20" s="63" t="s">
        <v>132</v>
      </c>
      <c r="O20" s="49">
        <v>73</v>
      </c>
      <c r="P20" s="50">
        <v>103</v>
      </c>
      <c r="Q20" s="63" t="s">
        <v>132</v>
      </c>
      <c r="R20" s="49">
        <v>76</v>
      </c>
      <c r="S20" s="50">
        <v>103</v>
      </c>
      <c r="T20" s="63" t="s">
        <v>132</v>
      </c>
      <c r="U20" s="49">
        <v>69</v>
      </c>
      <c r="V20" s="50">
        <v>104</v>
      </c>
    </row>
    <row r="21" spans="1:22" ht="19.5" customHeight="1" x14ac:dyDescent="0.15">
      <c r="A21" s="60" t="s">
        <v>186</v>
      </c>
      <c r="B21" s="48" t="s">
        <v>132</v>
      </c>
      <c r="C21" s="49">
        <v>180</v>
      </c>
      <c r="D21" s="50">
        <v>138</v>
      </c>
      <c r="E21" s="48" t="s">
        <v>132</v>
      </c>
      <c r="F21" s="49">
        <v>145</v>
      </c>
      <c r="G21" s="50">
        <v>137</v>
      </c>
      <c r="H21" s="63" t="s">
        <v>132</v>
      </c>
      <c r="I21" s="49">
        <v>108</v>
      </c>
      <c r="J21" s="50">
        <v>145</v>
      </c>
      <c r="K21" s="63" t="s">
        <v>132</v>
      </c>
      <c r="L21" s="49">
        <v>112</v>
      </c>
      <c r="M21" s="75">
        <v>152</v>
      </c>
      <c r="N21" s="48" t="s">
        <v>281</v>
      </c>
      <c r="O21" s="77" t="s">
        <v>281</v>
      </c>
      <c r="P21" s="78" t="s">
        <v>281</v>
      </c>
      <c r="Q21" s="48" t="s">
        <v>281</v>
      </c>
      <c r="R21" s="77" t="s">
        <v>281</v>
      </c>
      <c r="S21" s="78" t="s">
        <v>282</v>
      </c>
      <c r="T21" s="48" t="s">
        <v>281</v>
      </c>
      <c r="U21" s="77" t="s">
        <v>281</v>
      </c>
      <c r="V21" s="78" t="s">
        <v>281</v>
      </c>
    </row>
    <row r="22" spans="1:22" ht="19.5" customHeight="1" x14ac:dyDescent="0.15">
      <c r="A22" s="60" t="s">
        <v>187</v>
      </c>
      <c r="B22" s="48" t="s">
        <v>132</v>
      </c>
      <c r="C22" s="49">
        <v>769</v>
      </c>
      <c r="D22" s="50">
        <v>685</v>
      </c>
      <c r="E22" s="48" t="s">
        <v>132</v>
      </c>
      <c r="F22" s="49">
        <v>826</v>
      </c>
      <c r="G22" s="50">
        <v>736</v>
      </c>
      <c r="H22" s="63" t="s">
        <v>132</v>
      </c>
      <c r="I22" s="49">
        <v>703</v>
      </c>
      <c r="J22" s="50">
        <v>836</v>
      </c>
      <c r="K22" s="63" t="s">
        <v>265</v>
      </c>
      <c r="L22" s="49">
        <v>883</v>
      </c>
      <c r="M22" s="50">
        <v>872</v>
      </c>
      <c r="N22" s="63" t="s">
        <v>132</v>
      </c>
      <c r="O22" s="49">
        <v>950</v>
      </c>
      <c r="P22" s="50">
        <v>888</v>
      </c>
      <c r="Q22" s="63" t="s">
        <v>132</v>
      </c>
      <c r="R22" s="49">
        <v>1056</v>
      </c>
      <c r="S22" s="50">
        <v>896</v>
      </c>
      <c r="T22" s="63" t="s">
        <v>132</v>
      </c>
      <c r="U22" s="49">
        <v>1045</v>
      </c>
      <c r="V22" s="50">
        <v>897</v>
      </c>
    </row>
    <row r="23" spans="1:22" ht="19.5" customHeight="1" x14ac:dyDescent="0.15">
      <c r="A23" s="74" t="s">
        <v>294</v>
      </c>
      <c r="B23" s="48" t="s">
        <v>132</v>
      </c>
      <c r="C23" s="49">
        <v>220</v>
      </c>
      <c r="D23" s="50">
        <v>231</v>
      </c>
      <c r="E23" s="48" t="s">
        <v>132</v>
      </c>
      <c r="F23" s="49">
        <v>221</v>
      </c>
      <c r="G23" s="50">
        <v>249</v>
      </c>
      <c r="H23" s="63" t="s">
        <v>132</v>
      </c>
      <c r="I23" s="49">
        <v>181</v>
      </c>
      <c r="J23" s="50">
        <v>224</v>
      </c>
      <c r="K23" s="63" t="s">
        <v>132</v>
      </c>
      <c r="L23" s="49">
        <v>197</v>
      </c>
      <c r="M23" s="50">
        <v>226</v>
      </c>
      <c r="N23" s="63" t="s">
        <v>132</v>
      </c>
      <c r="O23" s="49">
        <v>222</v>
      </c>
      <c r="P23" s="50">
        <v>232</v>
      </c>
      <c r="Q23" s="63" t="s">
        <v>132</v>
      </c>
      <c r="R23" s="49">
        <v>227</v>
      </c>
      <c r="S23" s="50">
        <v>238</v>
      </c>
      <c r="T23" s="63" t="s">
        <v>132</v>
      </c>
      <c r="U23" s="49">
        <v>232</v>
      </c>
      <c r="V23" s="50">
        <v>242</v>
      </c>
    </row>
    <row r="24" spans="1:22" ht="19.5" customHeight="1" x14ac:dyDescent="0.15">
      <c r="A24" s="60" t="s">
        <v>188</v>
      </c>
      <c r="B24" s="48" t="s">
        <v>132</v>
      </c>
      <c r="C24" s="49">
        <v>139</v>
      </c>
      <c r="D24" s="50">
        <v>170</v>
      </c>
      <c r="E24" s="48" t="s">
        <v>132</v>
      </c>
      <c r="F24" s="49">
        <v>154</v>
      </c>
      <c r="G24" s="50">
        <v>192</v>
      </c>
      <c r="H24" s="63" t="s">
        <v>132</v>
      </c>
      <c r="I24" s="49">
        <v>164</v>
      </c>
      <c r="J24" s="50">
        <v>196</v>
      </c>
      <c r="K24" s="63" t="s">
        <v>132</v>
      </c>
      <c r="L24" s="49">
        <v>165</v>
      </c>
      <c r="M24" s="50">
        <v>197</v>
      </c>
      <c r="N24" s="63" t="s">
        <v>132</v>
      </c>
      <c r="O24" s="49">
        <v>190</v>
      </c>
      <c r="P24" s="50">
        <v>196</v>
      </c>
      <c r="Q24" s="63" t="s">
        <v>132</v>
      </c>
      <c r="R24" s="49">
        <v>181</v>
      </c>
      <c r="S24" s="50">
        <v>200</v>
      </c>
      <c r="T24" s="63" t="s">
        <v>132</v>
      </c>
      <c r="U24" s="49">
        <v>179</v>
      </c>
      <c r="V24" s="50">
        <v>199</v>
      </c>
    </row>
    <row r="25" spans="1:22" ht="19.5" customHeight="1" x14ac:dyDescent="0.15">
      <c r="A25" s="60" t="s">
        <v>189</v>
      </c>
      <c r="B25" s="48" t="s">
        <v>132</v>
      </c>
      <c r="C25" s="49">
        <v>93</v>
      </c>
      <c r="D25" s="50">
        <v>121</v>
      </c>
      <c r="E25" s="48" t="s">
        <v>132</v>
      </c>
      <c r="F25" s="49">
        <v>100</v>
      </c>
      <c r="G25" s="50">
        <v>131</v>
      </c>
      <c r="H25" s="63" t="s">
        <v>132</v>
      </c>
      <c r="I25" s="49">
        <v>105</v>
      </c>
      <c r="J25" s="50">
        <v>134</v>
      </c>
      <c r="K25" s="63" t="s">
        <v>132</v>
      </c>
      <c r="L25" s="49">
        <v>109</v>
      </c>
      <c r="M25" s="50">
        <v>133</v>
      </c>
      <c r="N25" s="63" t="s">
        <v>132</v>
      </c>
      <c r="O25" s="49">
        <v>102</v>
      </c>
      <c r="P25" s="50">
        <v>134</v>
      </c>
      <c r="Q25" s="63" t="s">
        <v>132</v>
      </c>
      <c r="R25" s="49">
        <v>103</v>
      </c>
      <c r="S25" s="50">
        <v>135</v>
      </c>
      <c r="T25" s="63" t="s">
        <v>132</v>
      </c>
      <c r="U25" s="49">
        <v>104</v>
      </c>
      <c r="V25" s="50">
        <v>132</v>
      </c>
    </row>
    <row r="26" spans="1:22" ht="19.5" customHeight="1" x14ac:dyDescent="0.15">
      <c r="A26" s="60" t="s">
        <v>190</v>
      </c>
      <c r="B26" s="48" t="s">
        <v>132</v>
      </c>
      <c r="C26" s="49">
        <v>155</v>
      </c>
      <c r="D26" s="50">
        <v>214</v>
      </c>
      <c r="E26" s="48" t="s">
        <v>132</v>
      </c>
      <c r="F26" s="49">
        <v>153</v>
      </c>
      <c r="G26" s="50">
        <v>218</v>
      </c>
      <c r="H26" s="63" t="s">
        <v>132</v>
      </c>
      <c r="I26" s="49">
        <v>158</v>
      </c>
      <c r="J26" s="50">
        <v>221</v>
      </c>
      <c r="K26" s="63" t="s">
        <v>132</v>
      </c>
      <c r="L26" s="49">
        <v>156</v>
      </c>
      <c r="M26" s="75">
        <v>217</v>
      </c>
      <c r="N26" s="63" t="s">
        <v>132</v>
      </c>
      <c r="O26" s="49">
        <v>150</v>
      </c>
      <c r="P26" s="50">
        <v>212</v>
      </c>
      <c r="Q26" s="63" t="s">
        <v>132</v>
      </c>
      <c r="R26" s="49">
        <v>149</v>
      </c>
      <c r="S26" s="50">
        <v>214</v>
      </c>
      <c r="T26" s="63" t="s">
        <v>132</v>
      </c>
      <c r="U26" s="49">
        <v>148</v>
      </c>
      <c r="V26" s="50">
        <v>207</v>
      </c>
    </row>
    <row r="27" spans="1:22" ht="19.5" customHeight="1" x14ac:dyDescent="0.15">
      <c r="A27" s="60" t="s">
        <v>191</v>
      </c>
      <c r="B27" s="48" t="s">
        <v>132</v>
      </c>
      <c r="C27" s="49">
        <v>149</v>
      </c>
      <c r="D27" s="50">
        <v>193</v>
      </c>
      <c r="E27" s="48" t="s">
        <v>132</v>
      </c>
      <c r="F27" s="49">
        <v>162</v>
      </c>
      <c r="G27" s="50">
        <v>206</v>
      </c>
      <c r="H27" s="63" t="s">
        <v>132</v>
      </c>
      <c r="I27" s="49">
        <v>172</v>
      </c>
      <c r="J27" s="50">
        <v>203</v>
      </c>
      <c r="K27" s="63" t="s">
        <v>132</v>
      </c>
      <c r="L27" s="49">
        <v>177</v>
      </c>
      <c r="M27" s="50">
        <v>197</v>
      </c>
      <c r="N27" s="63" t="s">
        <v>132</v>
      </c>
      <c r="O27" s="49">
        <v>178</v>
      </c>
      <c r="P27" s="50">
        <v>190</v>
      </c>
      <c r="Q27" s="63" t="s">
        <v>132</v>
      </c>
      <c r="R27" s="49">
        <v>161</v>
      </c>
      <c r="S27" s="50">
        <v>188</v>
      </c>
      <c r="T27" s="63" t="s">
        <v>132</v>
      </c>
      <c r="U27" s="49">
        <v>164</v>
      </c>
      <c r="V27" s="50">
        <v>186</v>
      </c>
    </row>
    <row r="28" spans="1:22" ht="19.5" customHeight="1" x14ac:dyDescent="0.15">
      <c r="A28" s="74" t="s">
        <v>192</v>
      </c>
      <c r="B28" s="48" t="s">
        <v>193</v>
      </c>
      <c r="C28" s="49">
        <v>168</v>
      </c>
      <c r="D28" s="50">
        <v>204</v>
      </c>
      <c r="E28" s="48" t="s">
        <v>193</v>
      </c>
      <c r="F28" s="49">
        <v>164</v>
      </c>
      <c r="G28" s="50">
        <v>213</v>
      </c>
      <c r="H28" s="63" t="s">
        <v>193</v>
      </c>
      <c r="I28" s="49">
        <v>168</v>
      </c>
      <c r="J28" s="50">
        <v>216</v>
      </c>
      <c r="K28" s="63" t="s">
        <v>193</v>
      </c>
      <c r="L28" s="49">
        <v>164</v>
      </c>
      <c r="M28" s="75">
        <v>220</v>
      </c>
      <c r="N28" s="63" t="s">
        <v>193</v>
      </c>
      <c r="O28" s="49">
        <v>166</v>
      </c>
      <c r="P28" s="50">
        <v>217</v>
      </c>
      <c r="Q28" s="63" t="s">
        <v>193</v>
      </c>
      <c r="R28" s="49">
        <v>168</v>
      </c>
      <c r="S28" s="50">
        <v>204</v>
      </c>
      <c r="T28" s="63" t="s">
        <v>193</v>
      </c>
      <c r="U28" s="49">
        <v>172</v>
      </c>
      <c r="V28" s="50">
        <v>210</v>
      </c>
    </row>
    <row r="29" spans="1:22" ht="19.5" customHeight="1" x14ac:dyDescent="0.15">
      <c r="A29" s="60" t="s">
        <v>194</v>
      </c>
      <c r="B29" s="48" t="s">
        <v>132</v>
      </c>
      <c r="C29" s="49">
        <v>32</v>
      </c>
      <c r="D29" s="50">
        <v>34</v>
      </c>
      <c r="E29" s="48" t="s">
        <v>131</v>
      </c>
      <c r="F29" s="49">
        <v>332</v>
      </c>
      <c r="G29" s="50">
        <v>363</v>
      </c>
      <c r="H29" s="63" t="s">
        <v>131</v>
      </c>
      <c r="I29" s="49">
        <v>336</v>
      </c>
      <c r="J29" s="50">
        <v>367</v>
      </c>
      <c r="K29" s="63" t="s">
        <v>131</v>
      </c>
      <c r="L29" s="49">
        <v>348</v>
      </c>
      <c r="M29" s="50">
        <v>368</v>
      </c>
      <c r="N29" s="48" t="s">
        <v>281</v>
      </c>
      <c r="O29" s="77" t="s">
        <v>281</v>
      </c>
      <c r="P29" s="78" t="s">
        <v>281</v>
      </c>
      <c r="Q29" s="48" t="s">
        <v>281</v>
      </c>
      <c r="R29" s="77" t="s">
        <v>281</v>
      </c>
      <c r="S29" s="78" t="s">
        <v>282</v>
      </c>
      <c r="T29" s="48" t="s">
        <v>281</v>
      </c>
      <c r="U29" s="77" t="s">
        <v>281</v>
      </c>
      <c r="V29" s="78" t="s">
        <v>281</v>
      </c>
    </row>
    <row r="30" spans="1:22" ht="19.5" customHeight="1" x14ac:dyDescent="0.15">
      <c r="A30" s="60" t="s">
        <v>195</v>
      </c>
      <c r="B30" s="48" t="s">
        <v>196</v>
      </c>
      <c r="C30" s="49">
        <v>194</v>
      </c>
      <c r="D30" s="50">
        <v>222</v>
      </c>
      <c r="E30" s="48" t="s">
        <v>196</v>
      </c>
      <c r="F30" s="49">
        <v>251</v>
      </c>
      <c r="G30" s="50">
        <v>245</v>
      </c>
      <c r="H30" s="63" t="s">
        <v>196</v>
      </c>
      <c r="I30" s="49">
        <v>242</v>
      </c>
      <c r="J30" s="50">
        <v>249</v>
      </c>
      <c r="K30" s="63" t="s">
        <v>196</v>
      </c>
      <c r="L30" s="49">
        <v>236</v>
      </c>
      <c r="M30" s="75">
        <v>239</v>
      </c>
      <c r="N30" s="63" t="s">
        <v>196</v>
      </c>
      <c r="O30" s="49">
        <v>240</v>
      </c>
      <c r="P30" s="50">
        <v>241</v>
      </c>
      <c r="Q30" s="63" t="s">
        <v>196</v>
      </c>
      <c r="R30" s="49">
        <v>218</v>
      </c>
      <c r="S30" s="50">
        <v>236</v>
      </c>
      <c r="T30" s="63" t="s">
        <v>196</v>
      </c>
      <c r="U30" s="49">
        <v>225</v>
      </c>
      <c r="V30" s="50">
        <v>229</v>
      </c>
    </row>
    <row r="31" spans="1:22" ht="19.5" customHeight="1" x14ac:dyDescent="0.15">
      <c r="A31" s="60" t="s">
        <v>295</v>
      </c>
      <c r="B31" s="48" t="s">
        <v>197</v>
      </c>
      <c r="C31" s="49">
        <v>343</v>
      </c>
      <c r="D31" s="50">
        <v>374</v>
      </c>
      <c r="E31" s="48" t="s">
        <v>197</v>
      </c>
      <c r="F31" s="49">
        <v>319</v>
      </c>
      <c r="G31" s="50">
        <v>378</v>
      </c>
      <c r="H31" s="63" t="s">
        <v>197</v>
      </c>
      <c r="I31" s="49">
        <v>323</v>
      </c>
      <c r="J31" s="50">
        <v>383</v>
      </c>
      <c r="K31" s="63" t="s">
        <v>197</v>
      </c>
      <c r="L31" s="49">
        <v>359</v>
      </c>
      <c r="M31" s="75">
        <v>395</v>
      </c>
      <c r="N31" s="63" t="s">
        <v>197</v>
      </c>
      <c r="O31" s="49">
        <v>362</v>
      </c>
      <c r="P31" s="50">
        <v>414</v>
      </c>
      <c r="Q31" s="63" t="s">
        <v>197</v>
      </c>
      <c r="R31" s="49">
        <v>395</v>
      </c>
      <c r="S31" s="50">
        <v>425</v>
      </c>
      <c r="T31" s="63" t="s">
        <v>197</v>
      </c>
      <c r="U31" s="49">
        <v>375</v>
      </c>
      <c r="V31" s="50">
        <v>428</v>
      </c>
    </row>
    <row r="32" spans="1:22" ht="19.5" customHeight="1" x14ac:dyDescent="0.15">
      <c r="A32" s="60" t="s">
        <v>284</v>
      </c>
      <c r="B32" s="48" t="s">
        <v>281</v>
      </c>
      <c r="C32" s="77" t="s">
        <v>281</v>
      </c>
      <c r="D32" s="78" t="s">
        <v>282</v>
      </c>
      <c r="E32" s="48" t="s">
        <v>281</v>
      </c>
      <c r="F32" s="77" t="s">
        <v>281</v>
      </c>
      <c r="G32" s="78" t="s">
        <v>282</v>
      </c>
      <c r="H32" s="48" t="s">
        <v>281</v>
      </c>
      <c r="I32" s="77" t="s">
        <v>281</v>
      </c>
      <c r="J32" s="78" t="s">
        <v>282</v>
      </c>
      <c r="K32" s="48" t="s">
        <v>281</v>
      </c>
      <c r="L32" s="77" t="s">
        <v>281</v>
      </c>
      <c r="M32" s="78" t="s">
        <v>282</v>
      </c>
      <c r="N32" s="63" t="s">
        <v>132</v>
      </c>
      <c r="O32" s="49">
        <v>287</v>
      </c>
      <c r="P32" s="50">
        <v>278</v>
      </c>
      <c r="Q32" s="63" t="s">
        <v>132</v>
      </c>
      <c r="R32" s="49">
        <v>289</v>
      </c>
      <c r="S32" s="50">
        <v>294</v>
      </c>
      <c r="T32" s="63" t="s">
        <v>132</v>
      </c>
      <c r="U32" s="49">
        <v>307</v>
      </c>
      <c r="V32" s="50">
        <v>294</v>
      </c>
    </row>
    <row r="33" spans="1:22" ht="19.5" customHeight="1" x14ac:dyDescent="0.15">
      <c r="A33" s="60" t="s">
        <v>198</v>
      </c>
      <c r="B33" s="48" t="s">
        <v>132</v>
      </c>
      <c r="C33" s="49">
        <v>655</v>
      </c>
      <c r="D33" s="50">
        <v>607</v>
      </c>
      <c r="E33" s="48" t="s">
        <v>259</v>
      </c>
      <c r="F33" s="49">
        <v>781</v>
      </c>
      <c r="G33" s="50">
        <v>637</v>
      </c>
      <c r="H33" s="63" t="s">
        <v>132</v>
      </c>
      <c r="I33" s="49">
        <v>747</v>
      </c>
      <c r="J33" s="50">
        <v>637</v>
      </c>
      <c r="K33" s="63" t="s">
        <v>132</v>
      </c>
      <c r="L33" s="49">
        <v>839</v>
      </c>
      <c r="M33" s="50">
        <v>629</v>
      </c>
      <c r="N33" s="63" t="s">
        <v>132</v>
      </c>
      <c r="O33" s="49">
        <v>838</v>
      </c>
      <c r="P33" s="50">
        <v>627</v>
      </c>
      <c r="Q33" s="48" t="s">
        <v>281</v>
      </c>
      <c r="R33" s="77" t="s">
        <v>281</v>
      </c>
      <c r="S33" s="78" t="s">
        <v>281</v>
      </c>
      <c r="T33" s="48" t="s">
        <v>281</v>
      </c>
      <c r="U33" s="77" t="s">
        <v>281</v>
      </c>
      <c r="V33" s="78" t="s">
        <v>281</v>
      </c>
    </row>
    <row r="34" spans="1:22" ht="19.5" customHeight="1" x14ac:dyDescent="0.15">
      <c r="A34" s="60" t="s">
        <v>285</v>
      </c>
      <c r="B34" s="48" t="s">
        <v>281</v>
      </c>
      <c r="C34" s="77" t="s">
        <v>281</v>
      </c>
      <c r="D34" s="78" t="s">
        <v>282</v>
      </c>
      <c r="E34" s="48" t="s">
        <v>281</v>
      </c>
      <c r="F34" s="77" t="s">
        <v>281</v>
      </c>
      <c r="G34" s="78" t="s">
        <v>282</v>
      </c>
      <c r="H34" s="48" t="s">
        <v>281</v>
      </c>
      <c r="I34" s="77" t="s">
        <v>281</v>
      </c>
      <c r="J34" s="78" t="s">
        <v>282</v>
      </c>
      <c r="K34" s="48" t="s">
        <v>281</v>
      </c>
      <c r="L34" s="77" t="s">
        <v>281</v>
      </c>
      <c r="M34" s="78" t="s">
        <v>282</v>
      </c>
      <c r="N34" s="63" t="s">
        <v>131</v>
      </c>
      <c r="O34" s="49">
        <v>247</v>
      </c>
      <c r="P34" s="50">
        <v>263</v>
      </c>
      <c r="Q34" s="63" t="s">
        <v>131</v>
      </c>
      <c r="R34" s="49">
        <v>233</v>
      </c>
      <c r="S34" s="50">
        <v>264</v>
      </c>
      <c r="T34" s="63" t="s">
        <v>131</v>
      </c>
      <c r="U34" s="49">
        <v>237</v>
      </c>
      <c r="V34" s="50">
        <v>255</v>
      </c>
    </row>
    <row r="35" spans="1:22" ht="19.5" customHeight="1" x14ac:dyDescent="0.15">
      <c r="A35" s="60" t="s">
        <v>286</v>
      </c>
      <c r="B35" s="48" t="s">
        <v>281</v>
      </c>
      <c r="C35" s="77" t="s">
        <v>281</v>
      </c>
      <c r="D35" s="78" t="s">
        <v>282</v>
      </c>
      <c r="E35" s="48" t="s">
        <v>281</v>
      </c>
      <c r="F35" s="77" t="s">
        <v>281</v>
      </c>
      <c r="G35" s="78" t="s">
        <v>282</v>
      </c>
      <c r="H35" s="48" t="s">
        <v>281</v>
      </c>
      <c r="I35" s="77" t="s">
        <v>281</v>
      </c>
      <c r="J35" s="78" t="s">
        <v>282</v>
      </c>
      <c r="K35" s="48" t="s">
        <v>281</v>
      </c>
      <c r="L35" s="77" t="s">
        <v>281</v>
      </c>
      <c r="M35" s="78" t="s">
        <v>282</v>
      </c>
      <c r="N35" s="63" t="s">
        <v>131</v>
      </c>
      <c r="O35" s="49">
        <v>802</v>
      </c>
      <c r="P35" s="50">
        <v>1178</v>
      </c>
      <c r="Q35" s="63" t="s">
        <v>131</v>
      </c>
      <c r="R35" s="49">
        <v>786</v>
      </c>
      <c r="S35" s="50">
        <v>1138</v>
      </c>
      <c r="T35" s="63" t="s">
        <v>131</v>
      </c>
      <c r="U35" s="49">
        <v>810</v>
      </c>
      <c r="V35" s="50">
        <v>1088</v>
      </c>
    </row>
    <row r="36" spans="1:22" ht="19.5" customHeight="1" x14ac:dyDescent="0.15">
      <c r="A36" s="60" t="s">
        <v>199</v>
      </c>
      <c r="B36" s="48" t="s">
        <v>267</v>
      </c>
      <c r="C36" s="49">
        <v>80</v>
      </c>
      <c r="D36" s="50">
        <v>92</v>
      </c>
      <c r="E36" s="53" t="s">
        <v>268</v>
      </c>
      <c r="F36" s="49">
        <v>80</v>
      </c>
      <c r="G36" s="50">
        <v>97</v>
      </c>
      <c r="H36" s="64" t="s">
        <v>268</v>
      </c>
      <c r="I36" s="49">
        <v>88</v>
      </c>
      <c r="J36" s="50">
        <v>97</v>
      </c>
      <c r="K36" s="64" t="s">
        <v>268</v>
      </c>
      <c r="L36" s="49">
        <v>87</v>
      </c>
      <c r="M36" s="50">
        <v>96</v>
      </c>
      <c r="N36" s="64" t="s">
        <v>268</v>
      </c>
      <c r="O36" s="49">
        <v>86</v>
      </c>
      <c r="P36" s="50">
        <v>96</v>
      </c>
      <c r="Q36" s="64" t="s">
        <v>268</v>
      </c>
      <c r="R36" s="49">
        <v>88</v>
      </c>
      <c r="S36" s="50">
        <v>94</v>
      </c>
      <c r="T36" s="64" t="s">
        <v>268</v>
      </c>
      <c r="U36" s="49">
        <v>95</v>
      </c>
      <c r="V36" s="50">
        <v>95</v>
      </c>
    </row>
    <row r="37" spans="1:22" ht="19.5" customHeight="1" x14ac:dyDescent="0.15">
      <c r="A37" s="60" t="s">
        <v>200</v>
      </c>
      <c r="B37" s="48" t="s">
        <v>132</v>
      </c>
      <c r="C37" s="49">
        <v>33</v>
      </c>
      <c r="D37" s="50">
        <v>48</v>
      </c>
      <c r="E37" s="48" t="s">
        <v>131</v>
      </c>
      <c r="F37" s="49">
        <v>371</v>
      </c>
      <c r="G37" s="50">
        <v>474</v>
      </c>
      <c r="H37" s="63" t="s">
        <v>131</v>
      </c>
      <c r="I37" s="49">
        <v>368</v>
      </c>
      <c r="J37" s="50">
        <v>449</v>
      </c>
      <c r="K37" s="63" t="s">
        <v>131</v>
      </c>
      <c r="L37" s="49">
        <v>368</v>
      </c>
      <c r="M37" s="75">
        <v>454</v>
      </c>
      <c r="N37" s="63" t="s">
        <v>131</v>
      </c>
      <c r="O37" s="49">
        <v>370</v>
      </c>
      <c r="P37" s="50">
        <v>446</v>
      </c>
      <c r="Q37" s="63" t="s">
        <v>131</v>
      </c>
      <c r="R37" s="49">
        <v>383</v>
      </c>
      <c r="S37" s="50">
        <v>454</v>
      </c>
      <c r="T37" s="63" t="s">
        <v>131</v>
      </c>
      <c r="U37" s="49">
        <v>362</v>
      </c>
      <c r="V37" s="50">
        <v>452</v>
      </c>
    </row>
    <row r="38" spans="1:22" ht="19.5" customHeight="1" x14ac:dyDescent="0.15">
      <c r="A38" s="60" t="s">
        <v>201</v>
      </c>
      <c r="B38" s="48" t="s">
        <v>132</v>
      </c>
      <c r="C38" s="49">
        <v>123</v>
      </c>
      <c r="D38" s="50">
        <v>161</v>
      </c>
      <c r="E38" s="48" t="s">
        <v>131</v>
      </c>
      <c r="F38" s="49">
        <v>1299</v>
      </c>
      <c r="G38" s="50">
        <v>1643</v>
      </c>
      <c r="H38" s="63" t="s">
        <v>131</v>
      </c>
      <c r="I38" s="49">
        <v>1915</v>
      </c>
      <c r="J38" s="50">
        <v>1621</v>
      </c>
      <c r="K38" s="63" t="s">
        <v>131</v>
      </c>
      <c r="L38" s="49">
        <v>1283</v>
      </c>
      <c r="M38" s="75">
        <v>1649</v>
      </c>
      <c r="N38" s="63" t="s">
        <v>131</v>
      </c>
      <c r="O38" s="49">
        <v>2100</v>
      </c>
      <c r="P38" s="50">
        <v>1917</v>
      </c>
      <c r="Q38" s="63" t="s">
        <v>131</v>
      </c>
      <c r="R38" s="49">
        <v>2593</v>
      </c>
      <c r="S38" s="50">
        <v>2192</v>
      </c>
      <c r="T38" s="63" t="s">
        <v>131</v>
      </c>
      <c r="U38" s="49">
        <v>2678</v>
      </c>
      <c r="V38" s="50">
        <v>2226</v>
      </c>
    </row>
    <row r="39" spans="1:22" ht="19.5" customHeight="1" x14ac:dyDescent="0.15">
      <c r="A39" s="60" t="s">
        <v>287</v>
      </c>
      <c r="B39" s="48" t="s">
        <v>281</v>
      </c>
      <c r="C39" s="77" t="s">
        <v>281</v>
      </c>
      <c r="D39" s="78" t="s">
        <v>282</v>
      </c>
      <c r="E39" s="48" t="s">
        <v>281</v>
      </c>
      <c r="F39" s="77" t="s">
        <v>281</v>
      </c>
      <c r="G39" s="78" t="s">
        <v>282</v>
      </c>
      <c r="H39" s="48" t="s">
        <v>281</v>
      </c>
      <c r="I39" s="77" t="s">
        <v>281</v>
      </c>
      <c r="J39" s="78" t="s">
        <v>282</v>
      </c>
      <c r="K39" s="48" t="s">
        <v>281</v>
      </c>
      <c r="L39" s="77" t="s">
        <v>281</v>
      </c>
      <c r="M39" s="78" t="s">
        <v>282</v>
      </c>
      <c r="N39" s="63" t="s">
        <v>131</v>
      </c>
      <c r="O39" s="49">
        <v>527</v>
      </c>
      <c r="P39" s="50">
        <v>706</v>
      </c>
      <c r="Q39" s="63" t="s">
        <v>131</v>
      </c>
      <c r="R39" s="49">
        <v>570</v>
      </c>
      <c r="S39" s="50">
        <v>746</v>
      </c>
      <c r="T39" s="63" t="s">
        <v>131</v>
      </c>
      <c r="U39" s="49">
        <v>571</v>
      </c>
      <c r="V39" s="50">
        <v>775</v>
      </c>
    </row>
    <row r="40" spans="1:22" ht="19.5" customHeight="1" x14ac:dyDescent="0.15">
      <c r="A40" s="60" t="s">
        <v>202</v>
      </c>
      <c r="B40" s="48" t="s">
        <v>132</v>
      </c>
      <c r="C40" s="49">
        <v>189</v>
      </c>
      <c r="D40" s="50">
        <v>218</v>
      </c>
      <c r="E40" s="48" t="s">
        <v>131</v>
      </c>
      <c r="F40" s="49">
        <v>1733</v>
      </c>
      <c r="G40" s="50">
        <v>2285</v>
      </c>
      <c r="H40" s="63" t="s">
        <v>131</v>
      </c>
      <c r="I40" s="49">
        <v>1944</v>
      </c>
      <c r="J40" s="50">
        <v>2297</v>
      </c>
      <c r="K40" s="63" t="s">
        <v>131</v>
      </c>
      <c r="L40" s="49">
        <v>2406</v>
      </c>
      <c r="M40" s="75">
        <v>2345</v>
      </c>
      <c r="N40" s="63" t="s">
        <v>131</v>
      </c>
      <c r="O40" s="49">
        <v>2561</v>
      </c>
      <c r="P40" s="50">
        <v>2284</v>
      </c>
      <c r="Q40" s="63" t="s">
        <v>131</v>
      </c>
      <c r="R40" s="49">
        <v>2489</v>
      </c>
      <c r="S40" s="50">
        <v>2290</v>
      </c>
      <c r="T40" s="63" t="s">
        <v>131</v>
      </c>
      <c r="U40" s="49">
        <v>2371</v>
      </c>
      <c r="V40" s="50">
        <v>2314</v>
      </c>
    </row>
    <row r="41" spans="1:22" ht="19.5" customHeight="1" x14ac:dyDescent="0.15">
      <c r="A41" s="60" t="s">
        <v>203</v>
      </c>
      <c r="B41" s="48" t="s">
        <v>252</v>
      </c>
      <c r="C41" s="49">
        <v>314</v>
      </c>
      <c r="D41" s="50">
        <v>313</v>
      </c>
      <c r="E41" s="48" t="s">
        <v>252</v>
      </c>
      <c r="F41" s="49">
        <v>274</v>
      </c>
      <c r="G41" s="50">
        <v>321</v>
      </c>
      <c r="H41" s="63" t="s">
        <v>252</v>
      </c>
      <c r="I41" s="49">
        <v>264</v>
      </c>
      <c r="J41" s="50">
        <v>307</v>
      </c>
      <c r="K41" s="63" t="s">
        <v>252</v>
      </c>
      <c r="L41" s="49">
        <v>260</v>
      </c>
      <c r="M41" s="75">
        <v>298</v>
      </c>
      <c r="N41" s="63" t="s">
        <v>252</v>
      </c>
      <c r="O41" s="49">
        <v>233</v>
      </c>
      <c r="P41" s="50">
        <v>289</v>
      </c>
      <c r="Q41" s="63" t="s">
        <v>252</v>
      </c>
      <c r="R41" s="49">
        <v>212</v>
      </c>
      <c r="S41" s="50">
        <v>293</v>
      </c>
      <c r="T41" s="63" t="s">
        <v>252</v>
      </c>
      <c r="U41" s="49">
        <v>210</v>
      </c>
      <c r="V41" s="50">
        <v>291</v>
      </c>
    </row>
    <row r="42" spans="1:22" ht="19.5" customHeight="1" x14ac:dyDescent="0.15">
      <c r="A42" s="60" t="s">
        <v>204</v>
      </c>
      <c r="B42" s="48" t="s">
        <v>205</v>
      </c>
      <c r="C42" s="49">
        <v>231</v>
      </c>
      <c r="D42" s="50">
        <v>234</v>
      </c>
      <c r="E42" s="48" t="s">
        <v>205</v>
      </c>
      <c r="F42" s="49">
        <v>229</v>
      </c>
      <c r="G42" s="50">
        <v>254</v>
      </c>
      <c r="H42" s="63" t="s">
        <v>205</v>
      </c>
      <c r="I42" s="49">
        <v>248</v>
      </c>
      <c r="J42" s="50">
        <v>251</v>
      </c>
      <c r="K42" s="63" t="s">
        <v>205</v>
      </c>
      <c r="L42" s="49">
        <v>239</v>
      </c>
      <c r="M42" s="75">
        <v>244</v>
      </c>
      <c r="N42" s="63" t="s">
        <v>205</v>
      </c>
      <c r="O42" s="49">
        <v>250</v>
      </c>
      <c r="P42" s="50">
        <v>239</v>
      </c>
      <c r="Q42" s="63" t="s">
        <v>205</v>
      </c>
      <c r="R42" s="49">
        <v>265</v>
      </c>
      <c r="S42" s="50">
        <v>237</v>
      </c>
      <c r="T42" s="63" t="s">
        <v>205</v>
      </c>
      <c r="U42" s="49">
        <v>258</v>
      </c>
      <c r="V42" s="50">
        <v>239</v>
      </c>
    </row>
    <row r="43" spans="1:22" ht="19.5" customHeight="1" x14ac:dyDescent="0.15">
      <c r="A43" s="60" t="s">
        <v>206</v>
      </c>
      <c r="B43" s="48" t="s">
        <v>253</v>
      </c>
      <c r="C43" s="49">
        <v>267</v>
      </c>
      <c r="D43" s="50">
        <v>319</v>
      </c>
      <c r="E43" s="48" t="s">
        <v>253</v>
      </c>
      <c r="F43" s="49">
        <v>241</v>
      </c>
      <c r="G43" s="50">
        <v>315</v>
      </c>
      <c r="H43" s="63" t="s">
        <v>253</v>
      </c>
      <c r="I43" s="49">
        <v>264</v>
      </c>
      <c r="J43" s="50">
        <v>314</v>
      </c>
      <c r="K43" s="63" t="s">
        <v>253</v>
      </c>
      <c r="L43" s="49">
        <v>239</v>
      </c>
      <c r="M43" s="75">
        <v>309</v>
      </c>
      <c r="N43" s="63" t="s">
        <v>253</v>
      </c>
      <c r="O43" s="49">
        <v>223</v>
      </c>
      <c r="P43" s="50">
        <v>314</v>
      </c>
      <c r="Q43" s="63" t="s">
        <v>253</v>
      </c>
      <c r="R43" s="49">
        <v>223</v>
      </c>
      <c r="S43" s="50">
        <v>322</v>
      </c>
      <c r="T43" s="63" t="s">
        <v>253</v>
      </c>
      <c r="U43" s="49">
        <v>220</v>
      </c>
      <c r="V43" s="50">
        <v>327</v>
      </c>
    </row>
    <row r="44" spans="1:22" ht="19.5" customHeight="1" x14ac:dyDescent="0.15">
      <c r="A44" s="60" t="s">
        <v>207</v>
      </c>
      <c r="B44" s="48" t="s">
        <v>208</v>
      </c>
      <c r="C44" s="49">
        <v>183</v>
      </c>
      <c r="D44" s="50">
        <v>200</v>
      </c>
      <c r="E44" s="48" t="s">
        <v>208</v>
      </c>
      <c r="F44" s="49">
        <v>181</v>
      </c>
      <c r="G44" s="50">
        <v>201</v>
      </c>
      <c r="H44" s="63" t="s">
        <v>208</v>
      </c>
      <c r="I44" s="49">
        <v>187</v>
      </c>
      <c r="J44" s="50">
        <v>199</v>
      </c>
      <c r="K44" s="63" t="s">
        <v>208</v>
      </c>
      <c r="L44" s="49">
        <v>187</v>
      </c>
      <c r="M44" s="50">
        <v>198</v>
      </c>
      <c r="N44" s="63" t="s">
        <v>208</v>
      </c>
      <c r="O44" s="49">
        <v>184</v>
      </c>
      <c r="P44" s="50">
        <v>200</v>
      </c>
      <c r="Q44" s="63" t="s">
        <v>208</v>
      </c>
      <c r="R44" s="49">
        <v>180</v>
      </c>
      <c r="S44" s="50">
        <v>200</v>
      </c>
      <c r="T44" s="63" t="s">
        <v>208</v>
      </c>
      <c r="U44" s="49">
        <v>181</v>
      </c>
      <c r="V44" s="50">
        <v>200</v>
      </c>
    </row>
    <row r="45" spans="1:22" ht="19.5" customHeight="1" x14ac:dyDescent="0.15">
      <c r="A45" s="60" t="s">
        <v>210</v>
      </c>
      <c r="B45" s="48" t="s">
        <v>250</v>
      </c>
      <c r="C45" s="49">
        <v>258</v>
      </c>
      <c r="D45" s="50">
        <v>274</v>
      </c>
      <c r="E45" s="48" t="s">
        <v>250</v>
      </c>
      <c r="F45" s="49">
        <v>202</v>
      </c>
      <c r="G45" s="50">
        <v>272</v>
      </c>
      <c r="H45" s="63" t="s">
        <v>250</v>
      </c>
      <c r="I45" s="49">
        <v>228</v>
      </c>
      <c r="J45" s="50">
        <v>266</v>
      </c>
      <c r="K45" s="63" t="s">
        <v>250</v>
      </c>
      <c r="L45" s="49">
        <v>208</v>
      </c>
      <c r="M45" s="75">
        <v>257</v>
      </c>
      <c r="N45" s="63" t="s">
        <v>250</v>
      </c>
      <c r="O45" s="49">
        <v>209</v>
      </c>
      <c r="P45" s="50">
        <v>252</v>
      </c>
      <c r="Q45" s="48" t="s">
        <v>281</v>
      </c>
      <c r="R45" s="77" t="s">
        <v>281</v>
      </c>
      <c r="S45" s="78" t="s">
        <v>281</v>
      </c>
      <c r="T45" s="48" t="s">
        <v>281</v>
      </c>
      <c r="U45" s="77" t="s">
        <v>281</v>
      </c>
      <c r="V45" s="78" t="s">
        <v>281</v>
      </c>
    </row>
    <row r="46" spans="1:22" ht="19.5" customHeight="1" x14ac:dyDescent="0.15">
      <c r="A46" s="60" t="s">
        <v>211</v>
      </c>
      <c r="B46" s="48" t="s">
        <v>132</v>
      </c>
      <c r="C46" s="49">
        <v>110</v>
      </c>
      <c r="D46" s="50">
        <v>127</v>
      </c>
      <c r="E46" s="48" t="s">
        <v>132</v>
      </c>
      <c r="F46" s="49">
        <v>114</v>
      </c>
      <c r="G46" s="50">
        <v>131</v>
      </c>
      <c r="H46" s="63" t="s">
        <v>132</v>
      </c>
      <c r="I46" s="49">
        <v>149</v>
      </c>
      <c r="J46" s="50">
        <v>147</v>
      </c>
      <c r="K46" s="63" t="s">
        <v>132</v>
      </c>
      <c r="L46" s="49">
        <v>148</v>
      </c>
      <c r="M46" s="50">
        <v>160</v>
      </c>
      <c r="N46" s="63" t="s">
        <v>132</v>
      </c>
      <c r="O46" s="49">
        <v>149</v>
      </c>
      <c r="P46" s="50">
        <v>158</v>
      </c>
      <c r="Q46" s="63" t="s">
        <v>132</v>
      </c>
      <c r="R46" s="49">
        <v>150</v>
      </c>
      <c r="S46" s="50">
        <v>156</v>
      </c>
      <c r="T46" s="63" t="s">
        <v>132</v>
      </c>
      <c r="U46" s="49">
        <v>148</v>
      </c>
      <c r="V46" s="50">
        <v>155</v>
      </c>
    </row>
    <row r="47" spans="1:22" ht="19.5" customHeight="1" x14ac:dyDescent="0.15">
      <c r="A47" s="60" t="s">
        <v>288</v>
      </c>
      <c r="B47" s="48" t="s">
        <v>212</v>
      </c>
      <c r="C47" s="49">
        <v>176</v>
      </c>
      <c r="D47" s="50">
        <v>186</v>
      </c>
      <c r="E47" s="48" t="s">
        <v>212</v>
      </c>
      <c r="F47" s="49">
        <v>178</v>
      </c>
      <c r="G47" s="50">
        <v>188</v>
      </c>
      <c r="H47" s="63" t="s">
        <v>212</v>
      </c>
      <c r="I47" s="49">
        <v>183</v>
      </c>
      <c r="J47" s="50">
        <v>187</v>
      </c>
      <c r="K47" s="63" t="s">
        <v>212</v>
      </c>
      <c r="L47" s="49">
        <v>182</v>
      </c>
      <c r="M47" s="50">
        <v>191</v>
      </c>
      <c r="N47" s="63" t="s">
        <v>212</v>
      </c>
      <c r="O47" s="49">
        <v>186</v>
      </c>
      <c r="P47" s="50">
        <v>190</v>
      </c>
      <c r="Q47" s="63" t="s">
        <v>212</v>
      </c>
      <c r="R47" s="49">
        <v>187</v>
      </c>
      <c r="S47" s="50">
        <v>190</v>
      </c>
      <c r="T47" s="63" t="s">
        <v>212</v>
      </c>
      <c r="U47" s="49">
        <v>187</v>
      </c>
      <c r="V47" s="50">
        <v>191</v>
      </c>
    </row>
    <row r="48" spans="1:22" ht="19.5" customHeight="1" x14ac:dyDescent="0.15">
      <c r="A48" s="60" t="s">
        <v>213</v>
      </c>
      <c r="B48" s="48" t="s">
        <v>132</v>
      </c>
      <c r="C48" s="49">
        <v>104</v>
      </c>
      <c r="D48" s="50">
        <v>123</v>
      </c>
      <c r="E48" s="48" t="s">
        <v>132</v>
      </c>
      <c r="F48" s="49">
        <v>113</v>
      </c>
      <c r="G48" s="50">
        <v>129</v>
      </c>
      <c r="H48" s="63" t="s">
        <v>132</v>
      </c>
      <c r="I48" s="49">
        <v>108</v>
      </c>
      <c r="J48" s="50">
        <v>126</v>
      </c>
      <c r="K48" s="63" t="s">
        <v>132</v>
      </c>
      <c r="L48" s="49">
        <v>128</v>
      </c>
      <c r="M48" s="50">
        <v>124</v>
      </c>
      <c r="N48" s="63" t="s">
        <v>132</v>
      </c>
      <c r="O48" s="49">
        <v>126</v>
      </c>
      <c r="P48" s="50">
        <v>122</v>
      </c>
      <c r="Q48" s="63" t="s">
        <v>132</v>
      </c>
      <c r="R48" s="49">
        <v>128</v>
      </c>
      <c r="S48" s="50">
        <v>125</v>
      </c>
      <c r="T48" s="63" t="s">
        <v>132</v>
      </c>
      <c r="U48" s="49">
        <v>131</v>
      </c>
      <c r="V48" s="50">
        <v>125</v>
      </c>
    </row>
    <row r="49" spans="1:22" ht="19.5" customHeight="1" x14ac:dyDescent="0.15">
      <c r="A49" s="60" t="s">
        <v>214</v>
      </c>
      <c r="B49" s="48" t="s">
        <v>254</v>
      </c>
      <c r="C49" s="49">
        <v>88</v>
      </c>
      <c r="D49" s="50">
        <v>89</v>
      </c>
      <c r="E49" s="48" t="s">
        <v>260</v>
      </c>
      <c r="F49" s="49">
        <v>91</v>
      </c>
      <c r="G49" s="50">
        <v>151</v>
      </c>
      <c r="H49" s="63" t="s">
        <v>260</v>
      </c>
      <c r="I49" s="49">
        <v>87</v>
      </c>
      <c r="J49" s="50">
        <v>100</v>
      </c>
      <c r="K49" s="63" t="s">
        <v>260</v>
      </c>
      <c r="L49" s="49">
        <v>96</v>
      </c>
      <c r="M49" s="50">
        <v>107</v>
      </c>
      <c r="N49" s="63" t="s">
        <v>260</v>
      </c>
      <c r="O49" s="49">
        <v>102</v>
      </c>
      <c r="P49" s="50">
        <v>106</v>
      </c>
      <c r="Q49" s="63" t="s">
        <v>260</v>
      </c>
      <c r="R49" s="49">
        <v>100</v>
      </c>
      <c r="S49" s="50">
        <v>104</v>
      </c>
      <c r="T49" s="63" t="s">
        <v>308</v>
      </c>
      <c r="U49" s="49">
        <v>190</v>
      </c>
      <c r="V49" s="50">
        <v>105</v>
      </c>
    </row>
    <row r="50" spans="1:22" ht="19.5" customHeight="1" x14ac:dyDescent="0.15">
      <c r="A50" s="60" t="s">
        <v>215</v>
      </c>
      <c r="B50" s="48" t="s">
        <v>216</v>
      </c>
      <c r="C50" s="49">
        <v>197</v>
      </c>
      <c r="D50" s="50">
        <v>251</v>
      </c>
      <c r="E50" s="48" t="s">
        <v>261</v>
      </c>
      <c r="F50" s="49">
        <v>201</v>
      </c>
      <c r="G50" s="50">
        <v>197</v>
      </c>
      <c r="H50" s="63" t="s">
        <v>261</v>
      </c>
      <c r="I50" s="49">
        <v>218</v>
      </c>
      <c r="J50" s="50">
        <v>252</v>
      </c>
      <c r="K50" s="63" t="s">
        <v>261</v>
      </c>
      <c r="L50" s="49">
        <v>235</v>
      </c>
      <c r="M50" s="50">
        <v>252</v>
      </c>
      <c r="N50" s="48" t="s">
        <v>281</v>
      </c>
      <c r="O50" s="77" t="s">
        <v>281</v>
      </c>
      <c r="P50" s="78" t="s">
        <v>281</v>
      </c>
      <c r="Q50" s="48" t="s">
        <v>281</v>
      </c>
      <c r="R50" s="77" t="s">
        <v>281</v>
      </c>
      <c r="S50" s="78" t="s">
        <v>303</v>
      </c>
      <c r="T50" s="48" t="s">
        <v>281</v>
      </c>
      <c r="U50" s="77" t="s">
        <v>281</v>
      </c>
      <c r="V50" s="78" t="s">
        <v>281</v>
      </c>
    </row>
    <row r="51" spans="1:22" ht="19.5" customHeight="1" x14ac:dyDescent="0.15">
      <c r="A51" s="60" t="s">
        <v>217</v>
      </c>
      <c r="B51" s="48" t="s">
        <v>132</v>
      </c>
      <c r="C51" s="49">
        <v>143</v>
      </c>
      <c r="D51" s="50">
        <v>152</v>
      </c>
      <c r="E51" s="48" t="s">
        <v>262</v>
      </c>
      <c r="F51" s="49">
        <v>136</v>
      </c>
      <c r="G51" s="50">
        <v>156</v>
      </c>
      <c r="H51" s="63" t="s">
        <v>132</v>
      </c>
      <c r="I51" s="49">
        <v>129</v>
      </c>
      <c r="J51" s="50">
        <v>154</v>
      </c>
      <c r="K51" s="63" t="s">
        <v>262</v>
      </c>
      <c r="L51" s="49">
        <v>126</v>
      </c>
      <c r="M51" s="50">
        <v>151</v>
      </c>
      <c r="N51" s="63" t="s">
        <v>132</v>
      </c>
      <c r="O51" s="49">
        <v>119</v>
      </c>
      <c r="P51" s="50">
        <v>153</v>
      </c>
      <c r="Q51" s="63" t="s">
        <v>132</v>
      </c>
      <c r="R51" s="49">
        <v>113</v>
      </c>
      <c r="S51" s="50">
        <v>146</v>
      </c>
      <c r="T51" s="63" t="s">
        <v>132</v>
      </c>
      <c r="U51" s="49">
        <v>110</v>
      </c>
      <c r="V51" s="50">
        <v>151</v>
      </c>
    </row>
    <row r="52" spans="1:22" ht="19.5" customHeight="1" x14ac:dyDescent="0.15">
      <c r="A52" s="60" t="s">
        <v>218</v>
      </c>
      <c r="B52" s="48" t="s">
        <v>255</v>
      </c>
      <c r="C52" s="49">
        <v>98</v>
      </c>
      <c r="D52" s="50">
        <v>110</v>
      </c>
      <c r="E52" s="48" t="s">
        <v>255</v>
      </c>
      <c r="F52" s="49">
        <v>98</v>
      </c>
      <c r="G52" s="50">
        <v>111</v>
      </c>
      <c r="H52" s="63" t="s">
        <v>255</v>
      </c>
      <c r="I52" s="49">
        <v>100</v>
      </c>
      <c r="J52" s="50">
        <v>112</v>
      </c>
      <c r="K52" s="63" t="s">
        <v>255</v>
      </c>
      <c r="L52" s="49">
        <v>105</v>
      </c>
      <c r="M52" s="75">
        <v>116</v>
      </c>
      <c r="N52" s="48" t="s">
        <v>281</v>
      </c>
      <c r="O52" s="77" t="s">
        <v>281</v>
      </c>
      <c r="P52" s="78" t="s">
        <v>281</v>
      </c>
      <c r="Q52" s="48" t="s">
        <v>281</v>
      </c>
      <c r="R52" s="77" t="s">
        <v>281</v>
      </c>
      <c r="S52" s="78" t="s">
        <v>282</v>
      </c>
      <c r="T52" s="48" t="s">
        <v>281</v>
      </c>
      <c r="U52" s="77" t="s">
        <v>281</v>
      </c>
      <c r="V52" s="78" t="s">
        <v>281</v>
      </c>
    </row>
    <row r="53" spans="1:22" ht="19.5" customHeight="1" x14ac:dyDescent="0.15">
      <c r="A53" s="60" t="s">
        <v>219</v>
      </c>
      <c r="B53" s="48" t="s">
        <v>220</v>
      </c>
      <c r="C53" s="49">
        <v>94</v>
      </c>
      <c r="D53" s="50">
        <v>112</v>
      </c>
      <c r="E53" s="48" t="s">
        <v>220</v>
      </c>
      <c r="F53" s="49">
        <v>99</v>
      </c>
      <c r="G53" s="50">
        <v>114</v>
      </c>
      <c r="H53" s="63" t="s">
        <v>220</v>
      </c>
      <c r="I53" s="49">
        <v>117</v>
      </c>
      <c r="J53" s="50">
        <v>117</v>
      </c>
      <c r="K53" s="63" t="s">
        <v>220</v>
      </c>
      <c r="L53" s="49">
        <v>118</v>
      </c>
      <c r="M53" s="50">
        <v>119</v>
      </c>
      <c r="N53" s="63" t="s">
        <v>220</v>
      </c>
      <c r="O53" s="49">
        <v>120</v>
      </c>
      <c r="P53" s="50">
        <v>120</v>
      </c>
      <c r="Q53" s="63" t="s">
        <v>220</v>
      </c>
      <c r="R53" s="49">
        <v>122</v>
      </c>
      <c r="S53" s="50">
        <v>122</v>
      </c>
      <c r="T53" s="63" t="s">
        <v>220</v>
      </c>
      <c r="U53" s="49">
        <v>122</v>
      </c>
      <c r="V53" s="50">
        <v>124</v>
      </c>
    </row>
    <row r="54" spans="1:22" ht="19.5" customHeight="1" x14ac:dyDescent="0.15">
      <c r="A54" s="60" t="s">
        <v>221</v>
      </c>
      <c r="B54" s="48" t="s">
        <v>132</v>
      </c>
      <c r="C54" s="49">
        <v>128</v>
      </c>
      <c r="D54" s="50">
        <v>136</v>
      </c>
      <c r="E54" s="48" t="s">
        <v>132</v>
      </c>
      <c r="F54" s="49">
        <v>133</v>
      </c>
      <c r="G54" s="50">
        <v>139</v>
      </c>
      <c r="H54" s="63" t="s">
        <v>132</v>
      </c>
      <c r="I54" s="49">
        <v>135</v>
      </c>
      <c r="J54" s="50">
        <v>139</v>
      </c>
      <c r="K54" s="63" t="s">
        <v>132</v>
      </c>
      <c r="L54" s="49">
        <v>139</v>
      </c>
      <c r="M54" s="50">
        <v>141</v>
      </c>
      <c r="N54" s="63" t="s">
        <v>132</v>
      </c>
      <c r="O54" s="49">
        <v>134</v>
      </c>
      <c r="P54" s="50">
        <v>143</v>
      </c>
      <c r="Q54" s="63" t="s">
        <v>132</v>
      </c>
      <c r="R54" s="49">
        <v>141</v>
      </c>
      <c r="S54" s="50">
        <v>145</v>
      </c>
      <c r="T54" s="63" t="s">
        <v>132</v>
      </c>
      <c r="U54" s="49">
        <v>141</v>
      </c>
      <c r="V54" s="50">
        <v>147</v>
      </c>
    </row>
    <row r="55" spans="1:22" ht="19.5" customHeight="1" x14ac:dyDescent="0.15">
      <c r="A55" s="60" t="s">
        <v>222</v>
      </c>
      <c r="B55" s="48" t="s">
        <v>132</v>
      </c>
      <c r="C55" s="49">
        <v>91</v>
      </c>
      <c r="D55" s="50">
        <v>99</v>
      </c>
      <c r="E55" s="48" t="s">
        <v>132</v>
      </c>
      <c r="F55" s="49">
        <v>94</v>
      </c>
      <c r="G55" s="50">
        <v>101</v>
      </c>
      <c r="H55" s="63" t="s">
        <v>132</v>
      </c>
      <c r="I55" s="49">
        <v>92</v>
      </c>
      <c r="J55" s="50">
        <v>102</v>
      </c>
      <c r="K55" s="63" t="s">
        <v>132</v>
      </c>
      <c r="L55" s="49">
        <v>103</v>
      </c>
      <c r="M55" s="50">
        <v>106</v>
      </c>
      <c r="N55" s="63" t="s">
        <v>132</v>
      </c>
      <c r="O55" s="49">
        <v>99</v>
      </c>
      <c r="P55" s="50">
        <v>105</v>
      </c>
      <c r="Q55" s="63" t="s">
        <v>132</v>
      </c>
      <c r="R55" s="49">
        <v>89</v>
      </c>
      <c r="S55" s="50">
        <v>103</v>
      </c>
      <c r="T55" s="63" t="s">
        <v>132</v>
      </c>
      <c r="U55" s="49">
        <v>96</v>
      </c>
      <c r="V55" s="50">
        <v>105</v>
      </c>
    </row>
    <row r="56" spans="1:22" ht="19.5" customHeight="1" x14ac:dyDescent="0.15">
      <c r="A56" s="60" t="s">
        <v>289</v>
      </c>
      <c r="B56" s="48" t="s">
        <v>281</v>
      </c>
      <c r="C56" s="77" t="s">
        <v>281</v>
      </c>
      <c r="D56" s="78" t="s">
        <v>282</v>
      </c>
      <c r="E56" s="48" t="s">
        <v>281</v>
      </c>
      <c r="F56" s="77" t="s">
        <v>281</v>
      </c>
      <c r="G56" s="78" t="s">
        <v>282</v>
      </c>
      <c r="H56" s="48" t="s">
        <v>281</v>
      </c>
      <c r="I56" s="77" t="s">
        <v>281</v>
      </c>
      <c r="J56" s="78" t="s">
        <v>282</v>
      </c>
      <c r="K56" s="48" t="s">
        <v>281</v>
      </c>
      <c r="L56" s="77" t="s">
        <v>281</v>
      </c>
      <c r="M56" s="78" t="s">
        <v>282</v>
      </c>
      <c r="N56" s="63" t="s">
        <v>132</v>
      </c>
      <c r="O56" s="49">
        <v>516</v>
      </c>
      <c r="P56" s="50">
        <v>564</v>
      </c>
      <c r="Q56" s="63" t="s">
        <v>132</v>
      </c>
      <c r="R56" s="49">
        <v>516</v>
      </c>
      <c r="S56" s="50">
        <v>572</v>
      </c>
      <c r="T56" s="63" t="s">
        <v>132</v>
      </c>
      <c r="U56" s="49">
        <v>516</v>
      </c>
      <c r="V56" s="50">
        <v>565</v>
      </c>
    </row>
    <row r="57" spans="1:22" ht="19.5" customHeight="1" x14ac:dyDescent="0.15">
      <c r="A57" s="60" t="s">
        <v>223</v>
      </c>
      <c r="B57" s="48" t="s">
        <v>256</v>
      </c>
      <c r="C57" s="49">
        <v>563</v>
      </c>
      <c r="D57" s="50">
        <v>616</v>
      </c>
      <c r="E57" s="48" t="s">
        <v>132</v>
      </c>
      <c r="F57" s="49">
        <v>553</v>
      </c>
      <c r="G57" s="50">
        <v>620</v>
      </c>
      <c r="H57" s="63" t="s">
        <v>132</v>
      </c>
      <c r="I57" s="49">
        <v>665</v>
      </c>
      <c r="J57" s="50">
        <v>732</v>
      </c>
      <c r="K57" s="63" t="s">
        <v>132</v>
      </c>
      <c r="L57" s="49">
        <v>773</v>
      </c>
      <c r="M57" s="75">
        <v>759</v>
      </c>
      <c r="N57" s="48" t="s">
        <v>281</v>
      </c>
      <c r="O57" s="77" t="s">
        <v>281</v>
      </c>
      <c r="P57" s="78" t="s">
        <v>281</v>
      </c>
      <c r="Q57" s="48" t="s">
        <v>281</v>
      </c>
      <c r="R57" s="77" t="s">
        <v>281</v>
      </c>
      <c r="S57" s="78" t="s">
        <v>282</v>
      </c>
      <c r="T57" s="48" t="s">
        <v>281</v>
      </c>
      <c r="U57" s="77" t="s">
        <v>281</v>
      </c>
      <c r="V57" s="78" t="s">
        <v>281</v>
      </c>
    </row>
    <row r="58" spans="1:22" ht="19.5" customHeight="1" x14ac:dyDescent="0.15">
      <c r="A58" s="60" t="s">
        <v>224</v>
      </c>
      <c r="B58" s="48" t="s">
        <v>225</v>
      </c>
      <c r="C58" s="49">
        <v>920</v>
      </c>
      <c r="D58" s="50">
        <v>949</v>
      </c>
      <c r="E58" s="48" t="s">
        <v>225</v>
      </c>
      <c r="F58" s="49">
        <v>939</v>
      </c>
      <c r="G58" s="50">
        <v>1000</v>
      </c>
      <c r="H58" s="63" t="s">
        <v>225</v>
      </c>
      <c r="I58" s="49">
        <v>939</v>
      </c>
      <c r="J58" s="50">
        <v>982</v>
      </c>
      <c r="K58" s="63" t="s">
        <v>225</v>
      </c>
      <c r="L58" s="49">
        <v>928</v>
      </c>
      <c r="M58" s="75">
        <v>970</v>
      </c>
      <c r="N58" s="63" t="s">
        <v>225</v>
      </c>
      <c r="O58" s="49">
        <v>950</v>
      </c>
      <c r="P58" s="50">
        <v>978</v>
      </c>
      <c r="Q58" s="63" t="s">
        <v>225</v>
      </c>
      <c r="R58" s="49">
        <v>957</v>
      </c>
      <c r="S58" s="50">
        <v>972</v>
      </c>
      <c r="T58" s="63" t="s">
        <v>225</v>
      </c>
      <c r="U58" s="49">
        <v>940</v>
      </c>
      <c r="V58" s="50">
        <v>966</v>
      </c>
    </row>
    <row r="59" spans="1:22" ht="19.5" customHeight="1" x14ac:dyDescent="0.15">
      <c r="A59" s="60" t="s">
        <v>290</v>
      </c>
      <c r="B59" s="48" t="s">
        <v>226</v>
      </c>
      <c r="C59" s="49">
        <v>1457</v>
      </c>
      <c r="D59" s="50">
        <v>1572</v>
      </c>
      <c r="E59" s="48" t="s">
        <v>226</v>
      </c>
      <c r="F59" s="49">
        <v>1494</v>
      </c>
      <c r="G59" s="50">
        <v>1585</v>
      </c>
      <c r="H59" s="63" t="s">
        <v>226</v>
      </c>
      <c r="I59" s="49">
        <v>1504</v>
      </c>
      <c r="J59" s="50">
        <v>1579</v>
      </c>
      <c r="K59" s="63" t="s">
        <v>226</v>
      </c>
      <c r="L59" s="49">
        <v>1481</v>
      </c>
      <c r="M59" s="75">
        <v>1572</v>
      </c>
      <c r="N59" s="63" t="s">
        <v>226</v>
      </c>
      <c r="O59" s="49">
        <v>1560</v>
      </c>
      <c r="P59" s="50">
        <v>1600</v>
      </c>
      <c r="Q59" s="63" t="s">
        <v>226</v>
      </c>
      <c r="R59" s="49">
        <v>1535</v>
      </c>
      <c r="S59" s="50">
        <v>1615</v>
      </c>
      <c r="T59" s="63" t="s">
        <v>226</v>
      </c>
      <c r="U59" s="49">
        <v>1575</v>
      </c>
      <c r="V59" s="50">
        <v>1600</v>
      </c>
    </row>
    <row r="60" spans="1:22" ht="19.5" customHeight="1" x14ac:dyDescent="0.15">
      <c r="A60" s="60" t="s">
        <v>297</v>
      </c>
      <c r="B60" s="48" t="s">
        <v>281</v>
      </c>
      <c r="C60" s="77" t="s">
        <v>281</v>
      </c>
      <c r="D60" s="78" t="s">
        <v>281</v>
      </c>
      <c r="E60" s="48" t="s">
        <v>281</v>
      </c>
      <c r="F60" s="77" t="s">
        <v>281</v>
      </c>
      <c r="G60" s="78" t="s">
        <v>281</v>
      </c>
      <c r="H60" s="48" t="s">
        <v>281</v>
      </c>
      <c r="I60" s="77" t="s">
        <v>281</v>
      </c>
      <c r="J60" s="78" t="s">
        <v>281</v>
      </c>
      <c r="K60" s="48" t="s">
        <v>281</v>
      </c>
      <c r="L60" s="77" t="s">
        <v>281</v>
      </c>
      <c r="M60" s="78" t="s">
        <v>281</v>
      </c>
      <c r="N60" s="48" t="s">
        <v>281</v>
      </c>
      <c r="O60" s="77" t="s">
        <v>281</v>
      </c>
      <c r="P60" s="78" t="s">
        <v>281</v>
      </c>
      <c r="Q60" s="63" t="s">
        <v>298</v>
      </c>
      <c r="R60" s="49">
        <v>114</v>
      </c>
      <c r="S60" s="50">
        <v>115</v>
      </c>
      <c r="T60" s="63" t="s">
        <v>298</v>
      </c>
      <c r="U60" s="49">
        <v>111</v>
      </c>
      <c r="V60" s="50">
        <v>114</v>
      </c>
    </row>
    <row r="61" spans="1:22" ht="19.5" customHeight="1" x14ac:dyDescent="0.15">
      <c r="A61" s="60" t="s">
        <v>227</v>
      </c>
      <c r="B61" s="48" t="s">
        <v>228</v>
      </c>
      <c r="C61" s="49">
        <v>1071</v>
      </c>
      <c r="D61" s="50">
        <v>1139</v>
      </c>
      <c r="E61" s="48" t="s">
        <v>228</v>
      </c>
      <c r="F61" s="49">
        <v>1084</v>
      </c>
      <c r="G61" s="50">
        <v>1149</v>
      </c>
      <c r="H61" s="63" t="s">
        <v>228</v>
      </c>
      <c r="I61" s="49">
        <v>1087</v>
      </c>
      <c r="J61" s="50">
        <v>1133</v>
      </c>
      <c r="K61" s="63" t="s">
        <v>228</v>
      </c>
      <c r="L61" s="49">
        <v>1081</v>
      </c>
      <c r="M61" s="50">
        <v>1126</v>
      </c>
      <c r="N61" s="63" t="s">
        <v>228</v>
      </c>
      <c r="O61" s="49">
        <v>1095</v>
      </c>
      <c r="P61" s="50">
        <v>1169</v>
      </c>
      <c r="Q61" s="63" t="s">
        <v>228</v>
      </c>
      <c r="R61" s="49">
        <v>1121</v>
      </c>
      <c r="S61" s="50">
        <v>1182</v>
      </c>
      <c r="T61" s="63" t="s">
        <v>228</v>
      </c>
      <c r="U61" s="49">
        <v>1117</v>
      </c>
      <c r="V61" s="50">
        <v>1173</v>
      </c>
    </row>
    <row r="62" spans="1:22" ht="19.5" customHeight="1" x14ac:dyDescent="0.15">
      <c r="A62" s="60" t="s">
        <v>229</v>
      </c>
      <c r="B62" s="48" t="s">
        <v>228</v>
      </c>
      <c r="C62" s="49">
        <v>739</v>
      </c>
      <c r="D62" s="50">
        <v>779</v>
      </c>
      <c r="E62" s="48" t="s">
        <v>228</v>
      </c>
      <c r="F62" s="49">
        <v>748</v>
      </c>
      <c r="G62" s="50">
        <v>793</v>
      </c>
      <c r="H62" s="63" t="s">
        <v>228</v>
      </c>
      <c r="I62" s="49">
        <v>754</v>
      </c>
      <c r="J62" s="50">
        <v>779</v>
      </c>
      <c r="K62" s="63" t="s">
        <v>228</v>
      </c>
      <c r="L62" s="49">
        <v>759</v>
      </c>
      <c r="M62" s="50">
        <v>775</v>
      </c>
      <c r="N62" s="63" t="s">
        <v>228</v>
      </c>
      <c r="O62" s="49">
        <v>795</v>
      </c>
      <c r="P62" s="50">
        <v>807</v>
      </c>
      <c r="Q62" s="63" t="s">
        <v>228</v>
      </c>
      <c r="R62" s="49">
        <v>797</v>
      </c>
      <c r="S62" s="50">
        <v>813</v>
      </c>
      <c r="T62" s="63" t="s">
        <v>228</v>
      </c>
      <c r="U62" s="49">
        <v>799</v>
      </c>
      <c r="V62" s="50">
        <v>816</v>
      </c>
    </row>
    <row r="63" spans="1:22" ht="19.5" customHeight="1" x14ac:dyDescent="0.15">
      <c r="A63" s="60" t="s">
        <v>230</v>
      </c>
      <c r="B63" s="48" t="s">
        <v>228</v>
      </c>
      <c r="C63" s="49">
        <v>613</v>
      </c>
      <c r="D63" s="50">
        <v>646</v>
      </c>
      <c r="E63" s="48" t="s">
        <v>228</v>
      </c>
      <c r="F63" s="49">
        <v>619</v>
      </c>
      <c r="G63" s="50">
        <v>651</v>
      </c>
      <c r="H63" s="63" t="s">
        <v>228</v>
      </c>
      <c r="I63" s="49">
        <v>619</v>
      </c>
      <c r="J63" s="50">
        <v>644</v>
      </c>
      <c r="K63" s="63" t="s">
        <v>228</v>
      </c>
      <c r="L63" s="49">
        <v>617</v>
      </c>
      <c r="M63" s="50">
        <v>642</v>
      </c>
      <c r="N63" s="63" t="s">
        <v>228</v>
      </c>
      <c r="O63" s="49">
        <v>633</v>
      </c>
      <c r="P63" s="50">
        <v>677</v>
      </c>
      <c r="Q63" s="63" t="s">
        <v>228</v>
      </c>
      <c r="R63" s="49">
        <v>660</v>
      </c>
      <c r="S63" s="50">
        <v>676</v>
      </c>
      <c r="T63" s="63" t="s">
        <v>228</v>
      </c>
      <c r="U63" s="49">
        <v>637</v>
      </c>
      <c r="V63" s="50">
        <v>671</v>
      </c>
    </row>
    <row r="64" spans="1:22" ht="19.5" customHeight="1" x14ac:dyDescent="0.15">
      <c r="A64" s="60" t="s">
        <v>299</v>
      </c>
      <c r="B64" s="48" t="s">
        <v>281</v>
      </c>
      <c r="C64" s="77" t="s">
        <v>281</v>
      </c>
      <c r="D64" s="78" t="s">
        <v>281</v>
      </c>
      <c r="E64" s="48" t="s">
        <v>281</v>
      </c>
      <c r="F64" s="77" t="s">
        <v>281</v>
      </c>
      <c r="G64" s="78" t="s">
        <v>281</v>
      </c>
      <c r="H64" s="48" t="s">
        <v>281</v>
      </c>
      <c r="I64" s="77" t="s">
        <v>281</v>
      </c>
      <c r="J64" s="78" t="s">
        <v>281</v>
      </c>
      <c r="K64" s="48" t="s">
        <v>281</v>
      </c>
      <c r="L64" s="77" t="s">
        <v>281</v>
      </c>
      <c r="M64" s="78" t="s">
        <v>281</v>
      </c>
      <c r="N64" s="48" t="s">
        <v>281</v>
      </c>
      <c r="O64" s="77" t="s">
        <v>281</v>
      </c>
      <c r="P64" s="78" t="s">
        <v>281</v>
      </c>
      <c r="Q64" s="63" t="s">
        <v>301</v>
      </c>
      <c r="R64" s="49">
        <v>1425</v>
      </c>
      <c r="S64" s="50">
        <v>1424</v>
      </c>
      <c r="T64" s="63" t="s">
        <v>301</v>
      </c>
      <c r="U64" s="49">
        <v>1384</v>
      </c>
      <c r="V64" s="50">
        <v>1424</v>
      </c>
    </row>
    <row r="65" spans="1:22" ht="19.5" customHeight="1" x14ac:dyDescent="0.15">
      <c r="A65" s="60" t="s">
        <v>231</v>
      </c>
      <c r="B65" s="48" t="s">
        <v>232</v>
      </c>
      <c r="C65" s="49">
        <v>138</v>
      </c>
      <c r="D65" s="50">
        <v>153</v>
      </c>
      <c r="E65" s="48" t="s">
        <v>232</v>
      </c>
      <c r="F65" s="49">
        <v>145</v>
      </c>
      <c r="G65" s="50">
        <v>157</v>
      </c>
      <c r="H65" s="63" t="s">
        <v>232</v>
      </c>
      <c r="I65" s="49">
        <v>147</v>
      </c>
      <c r="J65" s="50">
        <v>158</v>
      </c>
      <c r="K65" s="63" t="s">
        <v>232</v>
      </c>
      <c r="L65" s="49">
        <v>269</v>
      </c>
      <c r="M65" s="75">
        <v>157</v>
      </c>
      <c r="N65" s="63" t="s">
        <v>232</v>
      </c>
      <c r="O65" s="49">
        <v>274</v>
      </c>
      <c r="P65" s="50">
        <v>295</v>
      </c>
      <c r="Q65" s="63" t="s">
        <v>232</v>
      </c>
      <c r="R65" s="49">
        <v>275</v>
      </c>
      <c r="S65" s="50">
        <v>301</v>
      </c>
      <c r="T65" s="63" t="s">
        <v>232</v>
      </c>
      <c r="U65" s="49">
        <v>279</v>
      </c>
      <c r="V65" s="50">
        <v>301</v>
      </c>
    </row>
    <row r="66" spans="1:22" ht="19.5" customHeight="1" x14ac:dyDescent="0.15">
      <c r="A66" s="60" t="s">
        <v>233</v>
      </c>
      <c r="B66" s="48" t="s">
        <v>234</v>
      </c>
      <c r="C66" s="49">
        <v>238</v>
      </c>
      <c r="D66" s="50">
        <v>235</v>
      </c>
      <c r="E66" s="48" t="s">
        <v>234</v>
      </c>
      <c r="F66" s="49">
        <v>238</v>
      </c>
      <c r="G66" s="50">
        <v>250</v>
      </c>
      <c r="H66" s="63" t="s">
        <v>234</v>
      </c>
      <c r="I66" s="49">
        <v>242</v>
      </c>
      <c r="J66" s="50">
        <v>251</v>
      </c>
      <c r="K66" s="63" t="s">
        <v>234</v>
      </c>
      <c r="L66" s="49">
        <v>242</v>
      </c>
      <c r="M66" s="50">
        <v>246</v>
      </c>
      <c r="N66" s="63" t="s">
        <v>234</v>
      </c>
      <c r="O66" s="49">
        <v>237</v>
      </c>
      <c r="P66" s="50">
        <v>244</v>
      </c>
      <c r="Q66" s="63" t="s">
        <v>234</v>
      </c>
      <c r="R66" s="49">
        <v>244</v>
      </c>
      <c r="S66" s="50">
        <v>245</v>
      </c>
      <c r="T66" s="63" t="s">
        <v>309</v>
      </c>
      <c r="U66" s="49">
        <v>365</v>
      </c>
      <c r="V66" s="50">
        <v>264</v>
      </c>
    </row>
    <row r="67" spans="1:22" ht="19.5" customHeight="1" x14ac:dyDescent="0.15">
      <c r="A67" s="60" t="s">
        <v>235</v>
      </c>
      <c r="B67" s="48" t="s">
        <v>236</v>
      </c>
      <c r="C67" s="49">
        <v>262</v>
      </c>
      <c r="D67" s="50">
        <v>237</v>
      </c>
      <c r="E67" s="48" t="s">
        <v>236</v>
      </c>
      <c r="F67" s="49">
        <v>240</v>
      </c>
      <c r="G67" s="50">
        <v>254</v>
      </c>
      <c r="H67" s="63" t="s">
        <v>236</v>
      </c>
      <c r="I67" s="49">
        <v>251</v>
      </c>
      <c r="J67" s="50">
        <v>273</v>
      </c>
      <c r="K67" s="63" t="s">
        <v>236</v>
      </c>
      <c r="L67" s="49">
        <v>254</v>
      </c>
      <c r="M67" s="50">
        <v>282</v>
      </c>
      <c r="N67" s="63" t="s">
        <v>236</v>
      </c>
      <c r="O67" s="49">
        <v>245</v>
      </c>
      <c r="P67" s="50">
        <v>278</v>
      </c>
      <c r="Q67" s="63" t="s">
        <v>236</v>
      </c>
      <c r="R67" s="49">
        <v>406</v>
      </c>
      <c r="S67" s="50">
        <v>419</v>
      </c>
      <c r="T67" s="63" t="s">
        <v>236</v>
      </c>
      <c r="U67" s="49">
        <v>422</v>
      </c>
      <c r="V67" s="50">
        <v>439</v>
      </c>
    </row>
    <row r="68" spans="1:22" ht="19.5" customHeight="1" x14ac:dyDescent="0.15">
      <c r="A68" s="61" t="s">
        <v>237</v>
      </c>
      <c r="B68" s="54" t="s">
        <v>271</v>
      </c>
      <c r="C68" s="55">
        <v>481</v>
      </c>
      <c r="D68" s="56">
        <v>216</v>
      </c>
      <c r="E68" s="54" t="s">
        <v>263</v>
      </c>
      <c r="F68" s="55">
        <v>198</v>
      </c>
      <c r="G68" s="56">
        <v>551</v>
      </c>
      <c r="H68" s="65" t="s">
        <v>263</v>
      </c>
      <c r="I68" s="55">
        <v>610</v>
      </c>
      <c r="J68" s="56">
        <v>210</v>
      </c>
      <c r="K68" s="65" t="s">
        <v>263</v>
      </c>
      <c r="L68" s="55">
        <v>293</v>
      </c>
      <c r="M68" s="56">
        <v>628</v>
      </c>
      <c r="N68" s="65" t="s">
        <v>263</v>
      </c>
      <c r="O68" s="55">
        <v>425</v>
      </c>
      <c r="P68" s="56">
        <v>252</v>
      </c>
      <c r="Q68" s="65" t="s">
        <v>305</v>
      </c>
      <c r="R68" s="55">
        <v>174</v>
      </c>
      <c r="S68" s="56">
        <v>195</v>
      </c>
      <c r="T68" s="65" t="s">
        <v>305</v>
      </c>
      <c r="U68" s="55">
        <v>178</v>
      </c>
      <c r="V68" s="56">
        <v>198</v>
      </c>
    </row>
    <row r="69" spans="1:22" ht="19.5" customHeight="1" x14ac:dyDescent="0.15">
      <c r="A69" s="60" t="s">
        <v>238</v>
      </c>
      <c r="B69" s="48" t="s">
        <v>239</v>
      </c>
      <c r="C69" s="49">
        <v>295</v>
      </c>
      <c r="D69" s="50">
        <v>307</v>
      </c>
      <c r="E69" s="48" t="s">
        <v>131</v>
      </c>
      <c r="F69" s="49">
        <v>296</v>
      </c>
      <c r="G69" s="50">
        <v>322</v>
      </c>
      <c r="H69" s="63" t="s">
        <v>131</v>
      </c>
      <c r="I69" s="49">
        <v>295</v>
      </c>
      <c r="J69" s="50">
        <v>313</v>
      </c>
      <c r="K69" s="63" t="s">
        <v>131</v>
      </c>
      <c r="L69" s="49">
        <v>326</v>
      </c>
      <c r="M69" s="50">
        <v>301</v>
      </c>
      <c r="N69" s="63" t="s">
        <v>131</v>
      </c>
      <c r="O69" s="49">
        <v>296</v>
      </c>
      <c r="P69" s="50">
        <v>295</v>
      </c>
      <c r="Q69" s="63" t="s">
        <v>131</v>
      </c>
      <c r="R69" s="49">
        <v>337</v>
      </c>
      <c r="S69" s="50">
        <v>295</v>
      </c>
      <c r="T69" s="63" t="s">
        <v>131</v>
      </c>
      <c r="U69" s="49">
        <v>335</v>
      </c>
      <c r="V69" s="50">
        <v>299</v>
      </c>
    </row>
    <row r="70" spans="1:22" ht="19.5" customHeight="1" x14ac:dyDescent="0.15">
      <c r="A70" s="60" t="s">
        <v>291</v>
      </c>
      <c r="B70" s="48" t="s">
        <v>281</v>
      </c>
      <c r="C70" s="77" t="s">
        <v>281</v>
      </c>
      <c r="D70" s="78" t="s">
        <v>282</v>
      </c>
      <c r="E70" s="48" t="s">
        <v>281</v>
      </c>
      <c r="F70" s="77" t="s">
        <v>281</v>
      </c>
      <c r="G70" s="78" t="s">
        <v>282</v>
      </c>
      <c r="H70" s="48" t="s">
        <v>281</v>
      </c>
      <c r="I70" s="77" t="s">
        <v>281</v>
      </c>
      <c r="J70" s="78" t="s">
        <v>282</v>
      </c>
      <c r="K70" s="48" t="s">
        <v>281</v>
      </c>
      <c r="L70" s="77" t="s">
        <v>281</v>
      </c>
      <c r="M70" s="78" t="s">
        <v>282</v>
      </c>
      <c r="N70" s="63" t="s">
        <v>292</v>
      </c>
      <c r="O70" s="49">
        <v>917</v>
      </c>
      <c r="P70" s="50">
        <v>994</v>
      </c>
      <c r="Q70" s="63" t="s">
        <v>306</v>
      </c>
      <c r="R70" s="49">
        <v>874</v>
      </c>
      <c r="S70" s="50">
        <v>991</v>
      </c>
      <c r="T70" s="63" t="s">
        <v>306</v>
      </c>
      <c r="U70" s="49">
        <v>888</v>
      </c>
      <c r="V70" s="50">
        <v>996</v>
      </c>
    </row>
    <row r="71" spans="1:22" ht="19.5" customHeight="1" x14ac:dyDescent="0.15">
      <c r="A71" s="60" t="s">
        <v>240</v>
      </c>
      <c r="B71" s="48" t="s">
        <v>241</v>
      </c>
      <c r="C71" s="49">
        <v>197</v>
      </c>
      <c r="D71" s="50">
        <v>236</v>
      </c>
      <c r="E71" s="48" t="s">
        <v>241</v>
      </c>
      <c r="F71" s="49">
        <v>208</v>
      </c>
      <c r="G71" s="50">
        <v>236</v>
      </c>
      <c r="H71" s="63" t="s">
        <v>241</v>
      </c>
      <c r="I71" s="49">
        <v>222</v>
      </c>
      <c r="J71" s="50">
        <v>232</v>
      </c>
      <c r="K71" s="63" t="s">
        <v>241</v>
      </c>
      <c r="L71" s="49">
        <v>237</v>
      </c>
      <c r="M71" s="75">
        <v>236</v>
      </c>
      <c r="N71" s="63" t="s">
        <v>241</v>
      </c>
      <c r="O71" s="49">
        <v>204</v>
      </c>
      <c r="P71" s="50">
        <v>235</v>
      </c>
      <c r="Q71" s="48" t="s">
        <v>281</v>
      </c>
      <c r="R71" s="77" t="s">
        <v>281</v>
      </c>
      <c r="S71" s="78" t="s">
        <v>281</v>
      </c>
      <c r="T71" s="48" t="s">
        <v>281</v>
      </c>
      <c r="U71" s="77" t="s">
        <v>281</v>
      </c>
      <c r="V71" s="78" t="s">
        <v>281</v>
      </c>
    </row>
    <row r="72" spans="1:22" ht="19.5" customHeight="1" x14ac:dyDescent="0.15">
      <c r="A72" s="60" t="s">
        <v>242</v>
      </c>
      <c r="B72" s="48" t="s">
        <v>257</v>
      </c>
      <c r="C72" s="49">
        <v>158</v>
      </c>
      <c r="D72" s="50">
        <v>162</v>
      </c>
      <c r="E72" s="48" t="s">
        <v>257</v>
      </c>
      <c r="F72" s="49">
        <v>149</v>
      </c>
      <c r="G72" s="50">
        <v>167</v>
      </c>
      <c r="H72" s="63" t="s">
        <v>257</v>
      </c>
      <c r="I72" s="49">
        <v>158</v>
      </c>
      <c r="J72" s="50">
        <v>164</v>
      </c>
      <c r="K72" s="63" t="s">
        <v>257</v>
      </c>
      <c r="L72" s="49">
        <v>154</v>
      </c>
      <c r="M72" s="50">
        <v>165</v>
      </c>
      <c r="N72" s="63" t="s">
        <v>257</v>
      </c>
      <c r="O72" s="49">
        <v>146</v>
      </c>
      <c r="P72" s="50">
        <v>161</v>
      </c>
      <c r="Q72" s="63" t="s">
        <v>257</v>
      </c>
      <c r="R72" s="49">
        <v>162</v>
      </c>
      <c r="S72" s="50">
        <v>162</v>
      </c>
      <c r="T72" s="63" t="s">
        <v>257</v>
      </c>
      <c r="U72" s="49">
        <v>159</v>
      </c>
      <c r="V72" s="50">
        <v>161</v>
      </c>
    </row>
    <row r="73" spans="1:22" ht="19.5" customHeight="1" x14ac:dyDescent="0.15">
      <c r="A73" s="60" t="s">
        <v>243</v>
      </c>
      <c r="B73" s="48" t="s">
        <v>270</v>
      </c>
      <c r="C73" s="49">
        <v>118</v>
      </c>
      <c r="D73" s="50">
        <v>122</v>
      </c>
      <c r="E73" s="48" t="s">
        <v>263</v>
      </c>
      <c r="F73" s="49">
        <v>1268</v>
      </c>
      <c r="G73" s="50">
        <v>1205</v>
      </c>
      <c r="H73" s="63" t="s">
        <v>263</v>
      </c>
      <c r="I73" s="49">
        <v>1534</v>
      </c>
      <c r="J73" s="50">
        <v>1393</v>
      </c>
      <c r="K73" s="63" t="s">
        <v>263</v>
      </c>
      <c r="L73" s="49">
        <v>1289</v>
      </c>
      <c r="M73" s="75">
        <v>1430</v>
      </c>
      <c r="N73" s="48" t="s">
        <v>281</v>
      </c>
      <c r="O73" s="77" t="s">
        <v>281</v>
      </c>
      <c r="P73" s="78" t="s">
        <v>281</v>
      </c>
      <c r="Q73" s="48" t="s">
        <v>281</v>
      </c>
      <c r="R73" s="77" t="s">
        <v>281</v>
      </c>
      <c r="S73" s="78" t="s">
        <v>282</v>
      </c>
      <c r="T73" s="48" t="s">
        <v>281</v>
      </c>
      <c r="U73" s="77" t="s">
        <v>281</v>
      </c>
      <c r="V73" s="78" t="s">
        <v>281</v>
      </c>
    </row>
    <row r="74" spans="1:22" ht="19.5" customHeight="1" x14ac:dyDescent="0.15">
      <c r="A74" s="60" t="s">
        <v>244</v>
      </c>
      <c r="B74" s="48" t="s">
        <v>247</v>
      </c>
      <c r="C74" s="49">
        <v>285</v>
      </c>
      <c r="D74" s="50">
        <v>286</v>
      </c>
      <c r="E74" s="48" t="s">
        <v>247</v>
      </c>
      <c r="F74" s="49">
        <v>264</v>
      </c>
      <c r="G74" s="50">
        <v>284</v>
      </c>
      <c r="H74" s="63" t="s">
        <v>266</v>
      </c>
      <c r="I74" s="49">
        <v>286</v>
      </c>
      <c r="J74" s="50">
        <v>294</v>
      </c>
      <c r="K74" s="63" t="s">
        <v>266</v>
      </c>
      <c r="L74" s="49">
        <v>286</v>
      </c>
      <c r="M74" s="50">
        <v>278</v>
      </c>
      <c r="N74" s="48" t="s">
        <v>281</v>
      </c>
      <c r="O74" s="77" t="s">
        <v>281</v>
      </c>
      <c r="P74" s="78" t="s">
        <v>281</v>
      </c>
      <c r="Q74" s="48" t="s">
        <v>281</v>
      </c>
      <c r="R74" s="77" t="s">
        <v>281</v>
      </c>
      <c r="S74" s="78" t="s">
        <v>282</v>
      </c>
      <c r="T74" s="48" t="s">
        <v>281</v>
      </c>
      <c r="U74" s="77" t="s">
        <v>281</v>
      </c>
      <c r="V74" s="78" t="s">
        <v>281</v>
      </c>
    </row>
    <row r="75" spans="1:22" ht="19.5" customHeight="1" x14ac:dyDescent="0.15">
      <c r="A75" s="60" t="s">
        <v>245</v>
      </c>
      <c r="B75" s="48" t="s">
        <v>258</v>
      </c>
      <c r="C75" s="49">
        <v>698</v>
      </c>
      <c r="D75" s="50">
        <v>685</v>
      </c>
      <c r="E75" s="48" t="s">
        <v>258</v>
      </c>
      <c r="F75" s="49">
        <v>711</v>
      </c>
      <c r="G75" s="50">
        <v>694</v>
      </c>
      <c r="H75" s="63" t="s">
        <v>258</v>
      </c>
      <c r="I75" s="49">
        <v>713</v>
      </c>
      <c r="J75" s="50">
        <v>696</v>
      </c>
      <c r="K75" s="63" t="s">
        <v>258</v>
      </c>
      <c r="L75" s="49">
        <v>718</v>
      </c>
      <c r="M75" s="75">
        <v>691</v>
      </c>
      <c r="N75" s="63" t="s">
        <v>258</v>
      </c>
      <c r="O75" s="49">
        <v>689</v>
      </c>
      <c r="P75" s="50">
        <v>692</v>
      </c>
      <c r="Q75" s="63" t="s">
        <v>258</v>
      </c>
      <c r="R75" s="49">
        <v>674</v>
      </c>
      <c r="S75" s="50">
        <v>689</v>
      </c>
      <c r="T75" s="63" t="s">
        <v>258</v>
      </c>
      <c r="U75" s="49">
        <v>684</v>
      </c>
      <c r="V75" s="50">
        <v>684</v>
      </c>
    </row>
    <row r="76" spans="1:22" ht="19.5" customHeight="1" x14ac:dyDescent="0.15">
      <c r="A76" s="60" t="s">
        <v>300</v>
      </c>
      <c r="B76" s="48" t="s">
        <v>281</v>
      </c>
      <c r="C76" s="77" t="s">
        <v>281</v>
      </c>
      <c r="D76" s="78" t="s">
        <v>281</v>
      </c>
      <c r="E76" s="48" t="s">
        <v>281</v>
      </c>
      <c r="F76" s="77" t="s">
        <v>281</v>
      </c>
      <c r="G76" s="78" t="s">
        <v>281</v>
      </c>
      <c r="H76" s="48" t="s">
        <v>281</v>
      </c>
      <c r="I76" s="77" t="s">
        <v>281</v>
      </c>
      <c r="J76" s="78" t="s">
        <v>281</v>
      </c>
      <c r="K76" s="48" t="s">
        <v>281</v>
      </c>
      <c r="L76" s="77" t="s">
        <v>281</v>
      </c>
      <c r="M76" s="78" t="s">
        <v>281</v>
      </c>
      <c r="N76" s="48" t="s">
        <v>281</v>
      </c>
      <c r="O76" s="77" t="s">
        <v>281</v>
      </c>
      <c r="P76" s="78" t="s">
        <v>281</v>
      </c>
      <c r="Q76" s="63" t="s">
        <v>302</v>
      </c>
      <c r="R76" s="49">
        <v>953</v>
      </c>
      <c r="S76" s="50">
        <v>970</v>
      </c>
      <c r="T76" s="63" t="s">
        <v>302</v>
      </c>
      <c r="U76" s="49">
        <v>972</v>
      </c>
      <c r="V76" s="50">
        <v>964</v>
      </c>
    </row>
    <row r="77" spans="1:22" ht="19.5" customHeight="1" thickBot="1" x14ac:dyDescent="0.2">
      <c r="A77" s="62" t="s">
        <v>246</v>
      </c>
      <c r="B77" s="66" t="s">
        <v>248</v>
      </c>
      <c r="C77" s="67">
        <v>1171</v>
      </c>
      <c r="D77" s="68">
        <v>1238</v>
      </c>
      <c r="E77" s="66" t="s">
        <v>248</v>
      </c>
      <c r="F77" s="67">
        <v>1284</v>
      </c>
      <c r="G77" s="68">
        <v>1289</v>
      </c>
      <c r="H77" s="69" t="s">
        <v>248</v>
      </c>
      <c r="I77" s="67">
        <v>1320</v>
      </c>
      <c r="J77" s="68">
        <v>1273</v>
      </c>
      <c r="K77" s="69" t="s">
        <v>248</v>
      </c>
      <c r="L77" s="67">
        <v>1414</v>
      </c>
      <c r="M77" s="68">
        <v>1293</v>
      </c>
      <c r="N77" s="69" t="s">
        <v>248</v>
      </c>
      <c r="O77" s="67">
        <v>1273</v>
      </c>
      <c r="P77" s="68">
        <v>1326</v>
      </c>
      <c r="Q77" s="69" t="s">
        <v>248</v>
      </c>
      <c r="R77" s="67">
        <v>1253</v>
      </c>
      <c r="S77" s="68">
        <v>1335</v>
      </c>
      <c r="T77" s="69" t="s">
        <v>248</v>
      </c>
      <c r="U77" s="67">
        <v>1270</v>
      </c>
      <c r="V77" s="68">
        <v>1346</v>
      </c>
    </row>
    <row r="80" spans="1:22" x14ac:dyDescent="0.15">
      <c r="A80" s="1" t="s">
        <v>269</v>
      </c>
    </row>
    <row r="81" spans="1:1" x14ac:dyDescent="0.15">
      <c r="A81" s="1" t="s">
        <v>304</v>
      </c>
    </row>
  </sheetData>
  <mergeCells count="29">
    <mergeCell ref="T4:V4"/>
    <mergeCell ref="T5:T6"/>
    <mergeCell ref="U6:V6"/>
    <mergeCell ref="T7:V7"/>
    <mergeCell ref="A4:A6"/>
    <mergeCell ref="B5:B6"/>
    <mergeCell ref="B4:D4"/>
    <mergeCell ref="C6:D6"/>
    <mergeCell ref="E4:G4"/>
    <mergeCell ref="B7:D7"/>
    <mergeCell ref="Q4:S4"/>
    <mergeCell ref="Q5:Q6"/>
    <mergeCell ref="R6:S6"/>
    <mergeCell ref="Q7:S7"/>
    <mergeCell ref="K7:M7"/>
    <mergeCell ref="E7:G7"/>
    <mergeCell ref="E5:E6"/>
    <mergeCell ref="F6:G6"/>
    <mergeCell ref="H7:J7"/>
    <mergeCell ref="L6:M6"/>
    <mergeCell ref="H4:J4"/>
    <mergeCell ref="H5:H6"/>
    <mergeCell ref="I6:J6"/>
    <mergeCell ref="N7:P7"/>
    <mergeCell ref="K4:M4"/>
    <mergeCell ref="K5:K6"/>
    <mergeCell ref="N4:P4"/>
    <mergeCell ref="N5:N6"/>
    <mergeCell ref="O6:P6"/>
  </mergeCells>
  <phoneticPr fontId="2"/>
  <pageMargins left="0.70866141732283472" right="0.70866141732283472" top="0.74803149606299213" bottom="0.39370078740157483" header="0.31496062992125984" footer="0.31496062992125984"/>
  <pageSetup paperSize="8" scale="45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05"/>
  <sheetViews>
    <sheetView topLeftCell="B1" zoomScaleNormal="100" workbookViewId="0">
      <pane xSplit="1" ySplit="4" topLeftCell="C5" activePane="bottomRight" state="frozen"/>
      <selection activeCell="B84" sqref="B84"/>
      <selection pane="topRight" activeCell="B84" sqref="B84"/>
      <selection pane="bottomLeft" activeCell="B84" sqref="B84"/>
      <selection pane="bottomRight" activeCell="B1" sqref="B1"/>
    </sheetView>
  </sheetViews>
  <sheetFormatPr defaultRowHeight="20.100000000000001" customHeight="1" outlineLevelRow="1" x14ac:dyDescent="0.15"/>
  <cols>
    <col min="1" max="1" width="5.625" style="10" customWidth="1"/>
    <col min="2" max="2" width="20.5" style="18" customWidth="1"/>
    <col min="3" max="3" width="12.75" style="2" bestFit="1" customWidth="1"/>
    <col min="4" max="4" width="9.625" style="1" customWidth="1"/>
    <col min="5" max="5" width="11.625" style="2" bestFit="1" customWidth="1"/>
    <col min="6" max="6" width="9.625" style="24" customWidth="1"/>
    <col min="7" max="7" width="9.625" style="1" customWidth="1"/>
    <col min="8" max="8" width="20.625" style="1" customWidth="1"/>
    <col min="9" max="11" width="9.625" style="1" customWidth="1"/>
    <col min="12" max="16384" width="9" style="1"/>
  </cols>
  <sheetData>
    <row r="1" spans="1:11" ht="20.100000000000001" customHeight="1" thickBot="1" x14ac:dyDescent="0.2">
      <c r="B1" s="10" t="s">
        <v>275</v>
      </c>
    </row>
    <row r="2" spans="1:11" ht="20.100000000000001" customHeight="1" x14ac:dyDescent="0.15">
      <c r="A2" s="98" t="s">
        <v>149</v>
      </c>
      <c r="B2" s="109" t="s">
        <v>148</v>
      </c>
      <c r="C2" s="103" t="s">
        <v>150</v>
      </c>
      <c r="D2" s="104"/>
      <c r="E2" s="112" t="s">
        <v>156</v>
      </c>
      <c r="F2" s="80"/>
      <c r="G2" s="108" t="s">
        <v>162</v>
      </c>
      <c r="H2" s="108"/>
      <c r="I2" s="108"/>
      <c r="J2" s="108"/>
      <c r="K2" s="80"/>
    </row>
    <row r="3" spans="1:11" s="2" customFormat="1" ht="20.100000000000001" customHeight="1" thickBot="1" x14ac:dyDescent="0.2">
      <c r="A3" s="99"/>
      <c r="B3" s="110"/>
      <c r="C3" s="101" t="s">
        <v>151</v>
      </c>
      <c r="D3" s="19" t="s">
        <v>164</v>
      </c>
      <c r="E3" s="113" t="s">
        <v>163</v>
      </c>
      <c r="F3" s="5" t="s">
        <v>125</v>
      </c>
      <c r="G3" s="32" t="s">
        <v>125</v>
      </c>
      <c r="H3" s="70"/>
      <c r="I3" s="70"/>
      <c r="J3" s="70"/>
      <c r="K3" s="5" t="s">
        <v>152</v>
      </c>
    </row>
    <row r="4" spans="1:11" s="2" customFormat="1" ht="20.100000000000001" customHeight="1" thickBot="1" x14ac:dyDescent="0.2">
      <c r="A4" s="100"/>
      <c r="B4" s="111"/>
      <c r="C4" s="102"/>
      <c r="D4" s="38" t="s">
        <v>124</v>
      </c>
      <c r="E4" s="114"/>
      <c r="F4" s="115" t="s">
        <v>161</v>
      </c>
      <c r="G4" s="116"/>
      <c r="H4" s="116"/>
      <c r="I4" s="116"/>
      <c r="J4" s="116"/>
      <c r="K4" s="117"/>
    </row>
    <row r="5" spans="1:11" s="20" customFormat="1" ht="20.100000000000001" customHeight="1" thickTop="1" x14ac:dyDescent="0.15">
      <c r="A5" s="21" t="s">
        <v>155</v>
      </c>
      <c r="B5" s="22" t="s">
        <v>154</v>
      </c>
      <c r="C5" s="41"/>
      <c r="D5" s="23">
        <v>19994</v>
      </c>
      <c r="E5" s="42"/>
      <c r="F5" s="43"/>
      <c r="G5" s="105" t="s">
        <v>153</v>
      </c>
      <c r="H5" s="106"/>
      <c r="I5" s="106"/>
      <c r="J5" s="106"/>
      <c r="K5" s="107"/>
    </row>
    <row r="6" spans="1:11" s="2" customFormat="1" ht="20.100000000000001" customHeight="1" x14ac:dyDescent="0.15">
      <c r="A6" s="25" t="s">
        <v>0</v>
      </c>
      <c r="B6" s="15"/>
      <c r="C6" s="6"/>
      <c r="D6" s="11"/>
      <c r="E6" s="27"/>
      <c r="F6" s="36"/>
      <c r="G6" s="33"/>
      <c r="H6" s="71"/>
      <c r="I6" s="71"/>
      <c r="J6" s="71"/>
      <c r="K6" s="28"/>
    </row>
    <row r="7" spans="1:11" ht="20.100000000000001" customHeight="1" x14ac:dyDescent="0.15">
      <c r="A7" s="3"/>
      <c r="B7" s="15" t="s">
        <v>1</v>
      </c>
      <c r="C7" s="6" t="s">
        <v>2</v>
      </c>
      <c r="D7" s="12">
        <v>73.5</v>
      </c>
      <c r="E7" s="27" t="s">
        <v>2</v>
      </c>
      <c r="F7" s="36">
        <v>578</v>
      </c>
      <c r="G7" s="34">
        <v>557</v>
      </c>
      <c r="H7" s="72"/>
      <c r="I7" s="72"/>
      <c r="J7" s="72"/>
      <c r="K7" s="29">
        <v>614</v>
      </c>
    </row>
    <row r="8" spans="1:11" ht="20.100000000000001" customHeight="1" x14ac:dyDescent="0.15">
      <c r="A8" s="3"/>
      <c r="B8" s="16" t="s">
        <v>3</v>
      </c>
      <c r="C8" s="6" t="s">
        <v>2</v>
      </c>
      <c r="D8" s="12">
        <v>37.92</v>
      </c>
      <c r="E8" s="27" t="s">
        <v>2</v>
      </c>
      <c r="F8" s="36">
        <v>412</v>
      </c>
      <c r="G8" s="34">
        <v>437</v>
      </c>
      <c r="H8" s="72"/>
      <c r="I8" s="72"/>
      <c r="J8" s="72"/>
      <c r="K8" s="29">
        <v>407</v>
      </c>
    </row>
    <row r="9" spans="1:11" ht="20.100000000000001" customHeight="1" x14ac:dyDescent="0.15">
      <c r="A9" s="3"/>
      <c r="B9" s="16" t="s">
        <v>4</v>
      </c>
      <c r="C9" s="6" t="s">
        <v>2</v>
      </c>
      <c r="D9" s="12">
        <v>26.67</v>
      </c>
      <c r="E9" s="27" t="s">
        <v>2</v>
      </c>
      <c r="F9" s="36">
        <v>382</v>
      </c>
      <c r="G9" s="34">
        <v>453</v>
      </c>
      <c r="H9" s="72"/>
      <c r="I9" s="72"/>
      <c r="J9" s="72"/>
      <c r="K9" s="29">
        <v>503</v>
      </c>
    </row>
    <row r="10" spans="1:11" ht="20.100000000000001" customHeight="1" x14ac:dyDescent="0.15">
      <c r="A10" s="3"/>
      <c r="B10" s="16" t="s">
        <v>5</v>
      </c>
      <c r="C10" s="7" t="s">
        <v>6</v>
      </c>
      <c r="D10" s="13" t="s">
        <v>126</v>
      </c>
      <c r="E10" s="27" t="s">
        <v>6</v>
      </c>
      <c r="F10" s="36">
        <v>74</v>
      </c>
      <c r="G10" s="34">
        <v>106</v>
      </c>
      <c r="H10" s="72"/>
      <c r="I10" s="72"/>
      <c r="J10" s="72"/>
      <c r="K10" s="29">
        <v>137</v>
      </c>
    </row>
    <row r="11" spans="1:11" ht="20.100000000000001" customHeight="1" x14ac:dyDescent="0.15">
      <c r="A11" s="3"/>
      <c r="B11" s="16" t="s">
        <v>7</v>
      </c>
      <c r="C11" s="6" t="s">
        <v>2</v>
      </c>
      <c r="D11" s="12">
        <v>5200</v>
      </c>
      <c r="E11" s="27" t="s">
        <v>2</v>
      </c>
      <c r="F11" s="36">
        <v>205</v>
      </c>
      <c r="G11" s="34">
        <v>160</v>
      </c>
      <c r="H11" s="72"/>
      <c r="I11" s="72"/>
      <c r="J11" s="72"/>
      <c r="K11" s="29">
        <v>191</v>
      </c>
    </row>
    <row r="12" spans="1:11" ht="20.100000000000001" customHeight="1" x14ac:dyDescent="0.15">
      <c r="A12" s="3"/>
      <c r="B12" s="16" t="s">
        <v>8</v>
      </c>
      <c r="C12" s="9" t="s">
        <v>127</v>
      </c>
      <c r="D12" s="12">
        <v>36.58</v>
      </c>
      <c r="E12" s="27" t="s">
        <v>9</v>
      </c>
      <c r="F12" s="36">
        <v>128</v>
      </c>
      <c r="G12" s="34">
        <v>104</v>
      </c>
      <c r="H12" s="72"/>
      <c r="I12" s="72"/>
      <c r="J12" s="72"/>
      <c r="K12" s="29">
        <v>113</v>
      </c>
    </row>
    <row r="13" spans="1:11" ht="20.100000000000001" customHeight="1" x14ac:dyDescent="0.15">
      <c r="A13" s="3"/>
      <c r="B13" s="16" t="s">
        <v>10</v>
      </c>
      <c r="C13" s="9" t="s">
        <v>127</v>
      </c>
      <c r="D13" s="12">
        <v>38.67</v>
      </c>
      <c r="E13" s="27" t="s">
        <v>9</v>
      </c>
      <c r="F13" s="36">
        <v>66</v>
      </c>
      <c r="G13" s="34">
        <v>95</v>
      </c>
      <c r="H13" s="72"/>
      <c r="I13" s="72"/>
      <c r="J13" s="72"/>
      <c r="K13" s="29">
        <v>112</v>
      </c>
    </row>
    <row r="14" spans="1:11" ht="20.100000000000001" customHeight="1" x14ac:dyDescent="0.15">
      <c r="A14" s="3"/>
      <c r="B14" s="16" t="s">
        <v>11</v>
      </c>
      <c r="C14" s="9" t="s">
        <v>110</v>
      </c>
      <c r="D14" s="12">
        <v>44.19</v>
      </c>
      <c r="E14" s="27" t="s">
        <v>9</v>
      </c>
      <c r="F14" s="36">
        <v>83</v>
      </c>
      <c r="G14" s="34">
        <v>132</v>
      </c>
      <c r="H14" s="72"/>
      <c r="I14" s="72"/>
      <c r="J14" s="72"/>
      <c r="K14" s="29">
        <v>112</v>
      </c>
    </row>
    <row r="15" spans="1:11" ht="20.100000000000001" customHeight="1" x14ac:dyDescent="0.15">
      <c r="A15" s="3"/>
      <c r="B15" s="16" t="s">
        <v>12</v>
      </c>
      <c r="C15" s="9" t="s">
        <v>110</v>
      </c>
      <c r="D15" s="12">
        <v>132.16999999999999</v>
      </c>
      <c r="E15" s="27" t="s">
        <v>9</v>
      </c>
      <c r="F15" s="36">
        <v>276</v>
      </c>
      <c r="G15" s="34">
        <v>217</v>
      </c>
      <c r="H15" s="72"/>
      <c r="I15" s="72"/>
      <c r="J15" s="72"/>
      <c r="K15" s="29">
        <v>257</v>
      </c>
    </row>
    <row r="16" spans="1:11" ht="20.100000000000001" customHeight="1" x14ac:dyDescent="0.15">
      <c r="A16" s="3"/>
      <c r="B16" s="16" t="s">
        <v>13</v>
      </c>
      <c r="C16" s="9" t="s">
        <v>110</v>
      </c>
      <c r="D16" s="12">
        <v>29</v>
      </c>
      <c r="E16" s="27" t="s">
        <v>9</v>
      </c>
      <c r="F16" s="36">
        <v>106</v>
      </c>
      <c r="G16" s="34">
        <v>100</v>
      </c>
      <c r="H16" s="72"/>
      <c r="I16" s="72"/>
      <c r="J16" s="72"/>
      <c r="K16" s="29">
        <v>102</v>
      </c>
    </row>
    <row r="17" spans="1:11" ht="20.100000000000001" customHeight="1" x14ac:dyDescent="0.15">
      <c r="A17" s="3"/>
      <c r="B17" s="16" t="s">
        <v>14</v>
      </c>
      <c r="C17" s="9" t="s">
        <v>110</v>
      </c>
      <c r="D17" s="12">
        <v>200.69</v>
      </c>
      <c r="E17" s="27" t="s">
        <v>9</v>
      </c>
      <c r="F17" s="36">
        <v>212</v>
      </c>
      <c r="G17" s="34">
        <v>135</v>
      </c>
      <c r="H17" s="72"/>
      <c r="I17" s="72"/>
      <c r="J17" s="72"/>
      <c r="K17" s="29">
        <v>178</v>
      </c>
    </row>
    <row r="18" spans="1:11" ht="20.100000000000001" customHeight="1" x14ac:dyDescent="0.15">
      <c r="A18" s="3"/>
      <c r="B18" s="16" t="s">
        <v>15</v>
      </c>
      <c r="C18" s="9" t="s">
        <v>110</v>
      </c>
      <c r="D18" s="12">
        <v>111.42</v>
      </c>
      <c r="E18" s="27" t="s">
        <v>9</v>
      </c>
      <c r="F18" s="36">
        <v>189</v>
      </c>
      <c r="G18" s="34">
        <v>173</v>
      </c>
      <c r="H18" s="72"/>
      <c r="I18" s="72"/>
      <c r="J18" s="72"/>
      <c r="K18" s="29">
        <v>279</v>
      </c>
    </row>
    <row r="19" spans="1:11" ht="20.100000000000001" customHeight="1" x14ac:dyDescent="0.15">
      <c r="A19" s="3"/>
      <c r="B19" s="16" t="s">
        <v>16</v>
      </c>
      <c r="C19" s="9" t="s">
        <v>110</v>
      </c>
      <c r="D19" s="13">
        <v>64.260000000000005</v>
      </c>
      <c r="E19" s="27" t="s">
        <v>9</v>
      </c>
      <c r="F19" s="36">
        <v>81</v>
      </c>
      <c r="G19" s="34">
        <v>69</v>
      </c>
      <c r="H19" s="72"/>
      <c r="I19" s="72"/>
      <c r="J19" s="72"/>
      <c r="K19" s="29">
        <v>97</v>
      </c>
    </row>
    <row r="20" spans="1:11" ht="20.100000000000001" customHeight="1" x14ac:dyDescent="0.15">
      <c r="A20" s="3"/>
      <c r="B20" s="16" t="s">
        <v>17</v>
      </c>
      <c r="C20" s="9" t="s">
        <v>110</v>
      </c>
      <c r="D20" s="12">
        <v>317.33</v>
      </c>
      <c r="E20" s="27" t="s">
        <v>9</v>
      </c>
      <c r="F20" s="36">
        <v>328</v>
      </c>
      <c r="G20" s="34">
        <v>313</v>
      </c>
      <c r="H20" s="72"/>
      <c r="I20" s="72"/>
      <c r="J20" s="72"/>
      <c r="K20" s="29">
        <v>486</v>
      </c>
    </row>
    <row r="21" spans="1:11" ht="20.100000000000001" customHeight="1" x14ac:dyDescent="0.15">
      <c r="A21" s="3"/>
      <c r="B21" s="16" t="s">
        <v>18</v>
      </c>
      <c r="C21" s="9" t="s">
        <v>110</v>
      </c>
      <c r="D21" s="12">
        <v>287.5</v>
      </c>
      <c r="E21" s="27" t="s">
        <v>9</v>
      </c>
      <c r="F21" s="36">
        <v>136</v>
      </c>
      <c r="G21" s="34">
        <v>141</v>
      </c>
      <c r="H21" s="72"/>
      <c r="I21" s="72"/>
      <c r="J21" s="72"/>
      <c r="K21" s="29">
        <v>157</v>
      </c>
    </row>
    <row r="22" spans="1:11" ht="20.100000000000001" customHeight="1" x14ac:dyDescent="0.15">
      <c r="A22" s="3"/>
      <c r="B22" s="16" t="s">
        <v>19</v>
      </c>
      <c r="C22" s="9" t="s">
        <v>110</v>
      </c>
      <c r="D22" s="12">
        <v>182.5</v>
      </c>
      <c r="E22" s="27" t="s">
        <v>9</v>
      </c>
      <c r="F22" s="36">
        <v>99</v>
      </c>
      <c r="G22" s="34">
        <v>108</v>
      </c>
      <c r="H22" s="72"/>
      <c r="I22" s="72"/>
      <c r="J22" s="72"/>
      <c r="K22" s="29">
        <v>123</v>
      </c>
    </row>
    <row r="23" spans="1:11" ht="30" customHeight="1" x14ac:dyDescent="0.15">
      <c r="A23" s="3"/>
      <c r="B23" s="16" t="s">
        <v>128</v>
      </c>
      <c r="C23" s="9" t="s">
        <v>129</v>
      </c>
      <c r="D23" s="12">
        <v>13.08</v>
      </c>
      <c r="E23" s="27" t="s">
        <v>157</v>
      </c>
      <c r="F23" s="36">
        <v>57</v>
      </c>
      <c r="G23" s="34">
        <v>94</v>
      </c>
      <c r="H23" s="72"/>
      <c r="I23" s="72"/>
      <c r="J23" s="72"/>
      <c r="K23" s="29">
        <v>102</v>
      </c>
    </row>
    <row r="24" spans="1:11" ht="30" customHeight="1" x14ac:dyDescent="0.15">
      <c r="A24" s="3"/>
      <c r="B24" s="16" t="s">
        <v>20</v>
      </c>
      <c r="C24" s="9" t="s">
        <v>130</v>
      </c>
      <c r="D24" s="12">
        <v>168.33</v>
      </c>
      <c r="E24" s="27" t="s">
        <v>117</v>
      </c>
      <c r="F24" s="36">
        <v>365</v>
      </c>
      <c r="G24" s="34">
        <v>312</v>
      </c>
      <c r="H24" s="72"/>
      <c r="I24" s="72"/>
      <c r="J24" s="72"/>
      <c r="K24" s="29">
        <v>320</v>
      </c>
    </row>
    <row r="25" spans="1:11" ht="30" customHeight="1" x14ac:dyDescent="0.15">
      <c r="A25" s="3"/>
      <c r="B25" s="16" t="s">
        <v>21</v>
      </c>
      <c r="C25" s="9" t="s">
        <v>111</v>
      </c>
      <c r="D25" s="12">
        <v>82.79</v>
      </c>
      <c r="E25" s="27" t="s">
        <v>158</v>
      </c>
      <c r="F25" s="36">
        <v>297</v>
      </c>
      <c r="G25" s="34">
        <v>190</v>
      </c>
      <c r="H25" s="72"/>
      <c r="I25" s="72"/>
      <c r="J25" s="72"/>
      <c r="K25" s="29">
        <v>214</v>
      </c>
    </row>
    <row r="26" spans="1:11" ht="20.100000000000001" customHeight="1" x14ac:dyDescent="0.15">
      <c r="A26" s="3"/>
      <c r="B26" s="16" t="s">
        <v>22</v>
      </c>
      <c r="C26" s="9" t="s">
        <v>110</v>
      </c>
      <c r="D26" s="12">
        <v>13.83</v>
      </c>
      <c r="E26" s="27" t="s">
        <v>118</v>
      </c>
      <c r="F26" s="36">
        <v>110</v>
      </c>
      <c r="G26" s="34">
        <v>155</v>
      </c>
      <c r="H26" s="72"/>
      <c r="I26" s="72"/>
      <c r="J26" s="72"/>
      <c r="K26" s="29">
        <v>184</v>
      </c>
    </row>
    <row r="27" spans="1:11" ht="20.100000000000001" customHeight="1" x14ac:dyDescent="0.15">
      <c r="A27" s="3"/>
      <c r="B27" s="16" t="s">
        <v>23</v>
      </c>
      <c r="C27" s="9" t="s">
        <v>110</v>
      </c>
      <c r="D27" s="12">
        <v>21.35</v>
      </c>
      <c r="E27" s="27" t="s">
        <v>118</v>
      </c>
      <c r="F27" s="36">
        <v>512</v>
      </c>
      <c r="G27" s="34">
        <v>684</v>
      </c>
      <c r="H27" s="72"/>
      <c r="I27" s="72"/>
      <c r="J27" s="72"/>
      <c r="K27" s="29">
        <v>760</v>
      </c>
    </row>
    <row r="28" spans="1:11" ht="20.100000000000001" customHeight="1" x14ac:dyDescent="0.15">
      <c r="A28" s="3"/>
      <c r="B28" s="16" t="s">
        <v>24</v>
      </c>
      <c r="C28" s="9" t="s">
        <v>110</v>
      </c>
      <c r="D28" s="12">
        <v>12.35</v>
      </c>
      <c r="E28" s="27" t="s">
        <v>118</v>
      </c>
      <c r="F28" s="36">
        <v>111</v>
      </c>
      <c r="G28" s="34">
        <v>164</v>
      </c>
      <c r="H28" s="72"/>
      <c r="I28" s="72"/>
      <c r="J28" s="72"/>
      <c r="K28" s="29">
        <v>200</v>
      </c>
    </row>
    <row r="29" spans="1:11" ht="20.100000000000001" customHeight="1" x14ac:dyDescent="0.15">
      <c r="A29" s="3"/>
      <c r="B29" s="16" t="s">
        <v>25</v>
      </c>
      <c r="C29" s="9" t="s">
        <v>110</v>
      </c>
      <c r="D29" s="12">
        <v>16.309999999999999</v>
      </c>
      <c r="E29" s="27" t="s">
        <v>118</v>
      </c>
      <c r="F29" s="36">
        <v>370</v>
      </c>
      <c r="G29" s="34">
        <v>565</v>
      </c>
      <c r="H29" s="72"/>
      <c r="I29" s="72"/>
      <c r="J29" s="72"/>
      <c r="K29" s="29">
        <v>549</v>
      </c>
    </row>
    <row r="30" spans="1:11" ht="20.100000000000001" customHeight="1" x14ac:dyDescent="0.15">
      <c r="A30" s="3"/>
      <c r="B30" s="16" t="s">
        <v>26</v>
      </c>
      <c r="C30" s="7" t="s">
        <v>131</v>
      </c>
      <c r="D30" s="12">
        <v>41.59</v>
      </c>
      <c r="E30" s="27" t="s">
        <v>118</v>
      </c>
      <c r="F30" s="36">
        <v>439</v>
      </c>
      <c r="G30" s="34">
        <v>442</v>
      </c>
      <c r="H30" s="72"/>
      <c r="I30" s="72"/>
      <c r="J30" s="72"/>
      <c r="K30" s="29">
        <v>537</v>
      </c>
    </row>
    <row r="31" spans="1:11" ht="20.100000000000001" customHeight="1" x14ac:dyDescent="0.15">
      <c r="A31" s="3"/>
      <c r="B31" s="16" t="s">
        <v>27</v>
      </c>
      <c r="C31" s="7" t="s">
        <v>131</v>
      </c>
      <c r="D31" s="12">
        <v>21.88</v>
      </c>
      <c r="E31" s="27" t="s">
        <v>118</v>
      </c>
      <c r="F31" s="36">
        <v>172</v>
      </c>
      <c r="G31" s="34">
        <v>263</v>
      </c>
      <c r="H31" s="72"/>
      <c r="I31" s="72"/>
      <c r="J31" s="72"/>
      <c r="K31" s="29">
        <v>295</v>
      </c>
    </row>
    <row r="32" spans="1:11" ht="20.100000000000001" customHeight="1" x14ac:dyDescent="0.15">
      <c r="A32" s="3"/>
      <c r="B32" s="16" t="s">
        <v>28</v>
      </c>
      <c r="C32" s="9" t="s">
        <v>110</v>
      </c>
      <c r="D32" s="12">
        <v>9.23</v>
      </c>
      <c r="E32" s="27" t="s">
        <v>118</v>
      </c>
      <c r="F32" s="36">
        <v>132</v>
      </c>
      <c r="G32" s="34">
        <v>155</v>
      </c>
      <c r="H32" s="72"/>
      <c r="I32" s="72"/>
      <c r="J32" s="72"/>
      <c r="K32" s="29">
        <v>163</v>
      </c>
    </row>
    <row r="33" spans="1:11" ht="20.100000000000001" customHeight="1" x14ac:dyDescent="0.15">
      <c r="A33" s="3"/>
      <c r="B33" s="16" t="s">
        <v>29</v>
      </c>
      <c r="C33" s="9" t="s">
        <v>110</v>
      </c>
      <c r="D33" s="12">
        <v>18.96</v>
      </c>
      <c r="E33" s="27" t="s">
        <v>118</v>
      </c>
      <c r="F33" s="36">
        <v>241</v>
      </c>
      <c r="G33" s="34">
        <v>357</v>
      </c>
      <c r="H33" s="72"/>
      <c r="I33" s="72"/>
      <c r="J33" s="72"/>
      <c r="K33" s="29">
        <v>370</v>
      </c>
    </row>
    <row r="34" spans="1:11" ht="20.100000000000001" customHeight="1" x14ac:dyDescent="0.15">
      <c r="A34" s="3"/>
      <c r="B34" s="16" t="s">
        <v>30</v>
      </c>
      <c r="C34" s="9" t="s">
        <v>110</v>
      </c>
      <c r="D34" s="12">
        <v>19.38</v>
      </c>
      <c r="E34" s="27" t="s">
        <v>118</v>
      </c>
      <c r="F34" s="36">
        <v>478</v>
      </c>
      <c r="G34" s="34">
        <v>588</v>
      </c>
      <c r="H34" s="72"/>
      <c r="I34" s="72"/>
      <c r="J34" s="72"/>
      <c r="K34" s="29">
        <v>728</v>
      </c>
    </row>
    <row r="35" spans="1:11" ht="20.100000000000001" customHeight="1" x14ac:dyDescent="0.15">
      <c r="A35" s="3"/>
      <c r="B35" s="16" t="s">
        <v>31</v>
      </c>
      <c r="C35" s="9" t="s">
        <v>110</v>
      </c>
      <c r="D35" s="12">
        <v>16.21</v>
      </c>
      <c r="E35" s="27" t="s">
        <v>118</v>
      </c>
      <c r="F35" s="36">
        <v>160</v>
      </c>
      <c r="G35" s="34">
        <v>194</v>
      </c>
      <c r="H35" s="72"/>
      <c r="I35" s="72"/>
      <c r="J35" s="72"/>
      <c r="K35" s="29">
        <v>221</v>
      </c>
    </row>
    <row r="36" spans="1:11" ht="20.100000000000001" customHeight="1" x14ac:dyDescent="0.15">
      <c r="A36" s="3"/>
      <c r="B36" s="16" t="s">
        <v>32</v>
      </c>
      <c r="C36" s="7" t="s">
        <v>132</v>
      </c>
      <c r="D36" s="12">
        <v>11.67</v>
      </c>
      <c r="E36" s="27" t="s">
        <v>9</v>
      </c>
      <c r="F36" s="36">
        <v>119</v>
      </c>
      <c r="G36" s="34">
        <v>182</v>
      </c>
      <c r="H36" s="72"/>
      <c r="I36" s="72"/>
      <c r="J36" s="72"/>
      <c r="K36" s="29">
        <v>158</v>
      </c>
    </row>
    <row r="37" spans="1:11" ht="30" customHeight="1" x14ac:dyDescent="0.15">
      <c r="A37" s="3"/>
      <c r="B37" s="16" t="s">
        <v>33</v>
      </c>
      <c r="C37" s="7" t="s">
        <v>167</v>
      </c>
      <c r="D37" s="12">
        <v>89.79</v>
      </c>
      <c r="E37" s="27" t="s">
        <v>167</v>
      </c>
      <c r="F37" s="36">
        <v>381</v>
      </c>
      <c r="G37" s="34">
        <v>315</v>
      </c>
      <c r="H37" s="72"/>
      <c r="I37" s="72"/>
      <c r="J37" s="72"/>
      <c r="K37" s="29">
        <v>445</v>
      </c>
    </row>
    <row r="38" spans="1:11" ht="20.100000000000001" customHeight="1" x14ac:dyDescent="0.15">
      <c r="A38" s="3"/>
      <c r="B38" s="16" t="s">
        <v>34</v>
      </c>
      <c r="C38" s="7" t="s">
        <v>9</v>
      </c>
      <c r="D38" s="12">
        <v>46.67</v>
      </c>
      <c r="E38" s="27" t="s">
        <v>9</v>
      </c>
      <c r="F38" s="36">
        <v>377</v>
      </c>
      <c r="G38" s="34">
        <v>466</v>
      </c>
      <c r="H38" s="72"/>
      <c r="I38" s="72"/>
      <c r="J38" s="72"/>
      <c r="K38" s="29">
        <v>582</v>
      </c>
    </row>
    <row r="39" spans="1:11" ht="20.100000000000001" customHeight="1" x14ac:dyDescent="0.15">
      <c r="A39" s="3"/>
      <c r="B39" s="16" t="s">
        <v>35</v>
      </c>
      <c r="C39" s="9" t="s">
        <v>110</v>
      </c>
      <c r="D39" s="12">
        <v>16.170000000000002</v>
      </c>
      <c r="E39" s="27" t="s">
        <v>9</v>
      </c>
      <c r="F39" s="36">
        <v>23</v>
      </c>
      <c r="G39" s="34">
        <v>24</v>
      </c>
      <c r="H39" s="72"/>
      <c r="I39" s="72"/>
      <c r="J39" s="72"/>
      <c r="K39" s="29">
        <v>34</v>
      </c>
    </row>
    <row r="40" spans="1:11" ht="20.100000000000001" customHeight="1" x14ac:dyDescent="0.15">
      <c r="A40" s="3"/>
      <c r="B40" s="16" t="s">
        <v>36</v>
      </c>
      <c r="C40" s="9" t="s">
        <v>110</v>
      </c>
      <c r="D40" s="12">
        <v>85</v>
      </c>
      <c r="E40" s="27" t="s">
        <v>9</v>
      </c>
      <c r="F40" s="36">
        <v>133</v>
      </c>
      <c r="G40" s="34">
        <v>88</v>
      </c>
      <c r="H40" s="72"/>
      <c r="I40" s="72"/>
      <c r="J40" s="72"/>
      <c r="K40" s="29">
        <v>144</v>
      </c>
    </row>
    <row r="41" spans="1:11" ht="30" customHeight="1" x14ac:dyDescent="0.15">
      <c r="A41" s="3"/>
      <c r="B41" s="16" t="s">
        <v>37</v>
      </c>
      <c r="C41" s="7" t="s">
        <v>168</v>
      </c>
      <c r="D41" s="13" t="s">
        <v>133</v>
      </c>
      <c r="E41" s="27" t="s">
        <v>168</v>
      </c>
      <c r="F41" s="36">
        <v>59</v>
      </c>
      <c r="G41" s="34">
        <v>104</v>
      </c>
      <c r="H41" s="72"/>
      <c r="I41" s="72"/>
      <c r="J41" s="72"/>
      <c r="K41" s="29">
        <v>133</v>
      </c>
    </row>
    <row r="42" spans="1:11" ht="20.100000000000001" customHeight="1" x14ac:dyDescent="0.15">
      <c r="A42" s="3"/>
      <c r="B42" s="16" t="s">
        <v>38</v>
      </c>
      <c r="C42" s="9" t="s">
        <v>110</v>
      </c>
      <c r="D42" s="12">
        <v>17.55</v>
      </c>
      <c r="E42" s="27" t="s">
        <v>9</v>
      </c>
      <c r="F42" s="36">
        <v>46</v>
      </c>
      <c r="G42" s="34">
        <v>34</v>
      </c>
      <c r="H42" s="72"/>
      <c r="I42" s="72"/>
      <c r="J42" s="72"/>
      <c r="K42" s="29">
        <v>50</v>
      </c>
    </row>
    <row r="43" spans="1:11" ht="20.100000000000001" customHeight="1" x14ac:dyDescent="0.15">
      <c r="A43" s="3"/>
      <c r="B43" s="16" t="s">
        <v>39</v>
      </c>
      <c r="C43" s="9" t="s">
        <v>110</v>
      </c>
      <c r="D43" s="12">
        <v>33.39</v>
      </c>
      <c r="E43" s="27" t="s">
        <v>9</v>
      </c>
      <c r="F43" s="36">
        <v>72</v>
      </c>
      <c r="G43" s="34">
        <v>65</v>
      </c>
      <c r="H43" s="72"/>
      <c r="I43" s="72"/>
      <c r="J43" s="72"/>
      <c r="K43" s="29">
        <v>95</v>
      </c>
    </row>
    <row r="44" spans="1:11" ht="20.100000000000001" customHeight="1" x14ac:dyDescent="0.15">
      <c r="A44" s="3"/>
      <c r="B44" s="16" t="s">
        <v>40</v>
      </c>
      <c r="C44" s="9" t="s">
        <v>110</v>
      </c>
      <c r="D44" s="12">
        <v>16.75</v>
      </c>
      <c r="E44" s="27" t="s">
        <v>118</v>
      </c>
      <c r="F44" s="36">
        <v>464</v>
      </c>
      <c r="G44" s="34">
        <v>386</v>
      </c>
      <c r="H44" s="72"/>
      <c r="I44" s="72"/>
      <c r="J44" s="72"/>
      <c r="K44" s="29">
        <v>472</v>
      </c>
    </row>
    <row r="45" spans="1:11" ht="20.100000000000001" customHeight="1" x14ac:dyDescent="0.15">
      <c r="A45" s="3"/>
      <c r="B45" s="16" t="s">
        <v>41</v>
      </c>
      <c r="C45" s="9" t="s">
        <v>110</v>
      </c>
      <c r="D45" s="12">
        <v>38.42</v>
      </c>
      <c r="E45" s="27" t="s">
        <v>118</v>
      </c>
      <c r="F45" s="36">
        <v>507</v>
      </c>
      <c r="G45" s="34">
        <v>496</v>
      </c>
      <c r="H45" s="72"/>
      <c r="I45" s="72"/>
      <c r="J45" s="72"/>
      <c r="K45" s="29">
        <v>571</v>
      </c>
    </row>
    <row r="46" spans="1:11" ht="14.25" x14ac:dyDescent="0.15">
      <c r="A46" s="3"/>
      <c r="B46" s="16" t="s">
        <v>134</v>
      </c>
      <c r="C46" s="7" t="s">
        <v>135</v>
      </c>
      <c r="D46" s="12">
        <v>34.19</v>
      </c>
      <c r="E46" s="27" t="s">
        <v>159</v>
      </c>
      <c r="F46" s="36">
        <v>338</v>
      </c>
      <c r="G46" s="34">
        <v>321</v>
      </c>
      <c r="H46" s="72"/>
      <c r="I46" s="72"/>
      <c r="J46" s="72"/>
      <c r="K46" s="29">
        <v>391</v>
      </c>
    </row>
    <row r="47" spans="1:11" ht="20.100000000000001" customHeight="1" x14ac:dyDescent="0.15">
      <c r="A47" s="3"/>
      <c r="B47" s="16" t="s">
        <v>42</v>
      </c>
      <c r="C47" s="7" t="s">
        <v>43</v>
      </c>
      <c r="D47" s="12">
        <v>187.5</v>
      </c>
      <c r="E47" s="27" t="s">
        <v>43</v>
      </c>
      <c r="F47" s="36">
        <v>253</v>
      </c>
      <c r="G47" s="34">
        <v>260</v>
      </c>
      <c r="H47" s="72"/>
      <c r="I47" s="72"/>
      <c r="J47" s="72"/>
      <c r="K47" s="29">
        <v>266</v>
      </c>
    </row>
    <row r="48" spans="1:11" ht="33" customHeight="1" x14ac:dyDescent="0.15">
      <c r="A48" s="3"/>
      <c r="B48" s="16" t="s">
        <v>44</v>
      </c>
      <c r="C48" s="9" t="s">
        <v>110</v>
      </c>
      <c r="D48" s="12">
        <v>31.2</v>
      </c>
      <c r="E48" s="27" t="s">
        <v>119</v>
      </c>
      <c r="F48" s="36">
        <v>390</v>
      </c>
      <c r="G48" s="34">
        <v>240</v>
      </c>
      <c r="H48" s="72"/>
      <c r="I48" s="72"/>
      <c r="J48" s="72"/>
      <c r="K48" s="29">
        <v>320</v>
      </c>
    </row>
    <row r="49" spans="1:11" ht="33" customHeight="1" x14ac:dyDescent="0.15">
      <c r="A49" s="3"/>
      <c r="B49" s="16" t="s">
        <v>45</v>
      </c>
      <c r="C49" s="9" t="s">
        <v>110</v>
      </c>
      <c r="D49" s="12">
        <v>57.56</v>
      </c>
      <c r="E49" s="27" t="s">
        <v>119</v>
      </c>
      <c r="F49" s="36">
        <v>232</v>
      </c>
      <c r="G49" s="34">
        <v>152</v>
      </c>
      <c r="H49" s="72"/>
      <c r="I49" s="72"/>
      <c r="J49" s="72"/>
      <c r="K49" s="29">
        <v>200</v>
      </c>
    </row>
    <row r="50" spans="1:11" ht="30" customHeight="1" x14ac:dyDescent="0.15">
      <c r="A50" s="3"/>
      <c r="B50" s="16" t="s">
        <v>46</v>
      </c>
      <c r="C50" s="7" t="s">
        <v>172</v>
      </c>
      <c r="D50" s="12">
        <v>50</v>
      </c>
      <c r="E50" s="27" t="s">
        <v>120</v>
      </c>
      <c r="F50" s="36">
        <v>179</v>
      </c>
      <c r="G50" s="34">
        <v>252</v>
      </c>
      <c r="H50" s="72"/>
      <c r="I50" s="72"/>
      <c r="J50" s="72"/>
      <c r="K50" s="29">
        <v>272</v>
      </c>
    </row>
    <row r="51" spans="1:11" ht="20.100000000000001" customHeight="1" x14ac:dyDescent="0.15">
      <c r="A51" s="3"/>
      <c r="B51" s="16" t="s">
        <v>47</v>
      </c>
      <c r="C51" s="9" t="s">
        <v>110</v>
      </c>
      <c r="D51" s="12">
        <v>103</v>
      </c>
      <c r="E51" s="27" t="s">
        <v>9</v>
      </c>
      <c r="F51" s="36">
        <v>109</v>
      </c>
      <c r="G51" s="34">
        <v>95</v>
      </c>
      <c r="H51" s="72"/>
      <c r="I51" s="72"/>
      <c r="J51" s="72"/>
      <c r="K51" s="29">
        <v>149</v>
      </c>
    </row>
    <row r="52" spans="1:11" ht="20.100000000000001" customHeight="1" x14ac:dyDescent="0.15">
      <c r="A52" s="3"/>
      <c r="B52" s="16" t="s">
        <v>48</v>
      </c>
      <c r="C52" s="7" t="s">
        <v>9</v>
      </c>
      <c r="D52" s="12">
        <v>70.03</v>
      </c>
      <c r="E52" s="27" t="s">
        <v>9</v>
      </c>
      <c r="F52" s="36">
        <v>526</v>
      </c>
      <c r="G52" s="34">
        <v>692</v>
      </c>
      <c r="H52" s="72"/>
      <c r="I52" s="72"/>
      <c r="J52" s="72"/>
      <c r="K52" s="29">
        <v>641</v>
      </c>
    </row>
    <row r="53" spans="1:11" ht="30" customHeight="1" x14ac:dyDescent="0.15">
      <c r="A53" s="3"/>
      <c r="B53" s="16" t="s">
        <v>49</v>
      </c>
      <c r="C53" s="9" t="s">
        <v>112</v>
      </c>
      <c r="D53" s="12">
        <v>150</v>
      </c>
      <c r="E53" s="27" t="s">
        <v>169</v>
      </c>
      <c r="F53" s="36">
        <v>363</v>
      </c>
      <c r="G53" s="34">
        <v>284</v>
      </c>
      <c r="H53" s="72"/>
      <c r="I53" s="72"/>
      <c r="J53" s="72"/>
      <c r="K53" s="29">
        <v>286</v>
      </c>
    </row>
    <row r="54" spans="1:11" ht="30" customHeight="1" x14ac:dyDescent="0.15">
      <c r="A54" s="3"/>
      <c r="B54" s="16" t="s">
        <v>50</v>
      </c>
      <c r="C54" s="9" t="s">
        <v>136</v>
      </c>
      <c r="D54" s="12">
        <v>496.67</v>
      </c>
      <c r="E54" s="27" t="s">
        <v>121</v>
      </c>
      <c r="F54" s="36">
        <v>1433</v>
      </c>
      <c r="G54" s="34">
        <v>1061</v>
      </c>
      <c r="H54" s="72"/>
      <c r="I54" s="72"/>
      <c r="J54" s="72"/>
      <c r="K54" s="29">
        <v>1193</v>
      </c>
    </row>
    <row r="55" spans="1:11" ht="20.100000000000001" customHeight="1" x14ac:dyDescent="0.15">
      <c r="A55" s="3"/>
      <c r="B55" s="16" t="s">
        <v>51</v>
      </c>
      <c r="C55" s="7" t="s">
        <v>52</v>
      </c>
      <c r="D55" s="13" t="s">
        <v>137</v>
      </c>
      <c r="E55" s="27" t="s">
        <v>52</v>
      </c>
      <c r="F55" s="36">
        <v>318</v>
      </c>
      <c r="G55" s="34">
        <v>413</v>
      </c>
      <c r="H55" s="72"/>
      <c r="I55" s="72"/>
      <c r="J55" s="72"/>
      <c r="K55" s="29">
        <v>433</v>
      </c>
    </row>
    <row r="56" spans="1:11" ht="20.100000000000001" customHeight="1" x14ac:dyDescent="0.15">
      <c r="A56" s="25" t="s">
        <v>53</v>
      </c>
      <c r="B56" s="16"/>
      <c r="C56" s="7"/>
      <c r="D56" s="12"/>
      <c r="E56" s="27"/>
      <c r="F56" s="36"/>
      <c r="G56" s="34"/>
      <c r="H56" s="72"/>
      <c r="I56" s="72"/>
      <c r="J56" s="72"/>
      <c r="K56" s="29"/>
    </row>
    <row r="57" spans="1:11" ht="30" customHeight="1" x14ac:dyDescent="0.15">
      <c r="A57" s="3"/>
      <c r="B57" s="16" t="s">
        <v>54</v>
      </c>
      <c r="C57" s="9" t="s">
        <v>115</v>
      </c>
      <c r="D57" s="12">
        <v>151.6</v>
      </c>
      <c r="E57" s="27" t="s">
        <v>170</v>
      </c>
      <c r="F57" s="36">
        <v>2836</v>
      </c>
      <c r="G57" s="34">
        <v>4202</v>
      </c>
      <c r="H57" s="72"/>
      <c r="I57" s="72"/>
      <c r="J57" s="72"/>
      <c r="K57" s="29">
        <v>9217</v>
      </c>
    </row>
    <row r="58" spans="1:11" ht="20.100000000000001" customHeight="1" x14ac:dyDescent="0.15">
      <c r="A58" s="3"/>
      <c r="B58" s="16" t="s">
        <v>138</v>
      </c>
      <c r="C58" s="7" t="s">
        <v>55</v>
      </c>
      <c r="D58" s="12">
        <v>644.5</v>
      </c>
      <c r="E58" s="27" t="s">
        <v>55</v>
      </c>
      <c r="F58" s="36">
        <v>2699</v>
      </c>
      <c r="G58" s="34"/>
      <c r="H58" s="72"/>
      <c r="I58" s="72"/>
      <c r="J58" s="72"/>
      <c r="K58" s="29"/>
    </row>
    <row r="59" spans="1:11" ht="20.100000000000001" customHeight="1" x14ac:dyDescent="0.15">
      <c r="A59" s="3"/>
      <c r="B59" s="16" t="s">
        <v>56</v>
      </c>
      <c r="C59" s="7" t="s">
        <v>55</v>
      </c>
      <c r="D59" s="13" t="s">
        <v>139</v>
      </c>
      <c r="E59" s="27" t="s">
        <v>55</v>
      </c>
      <c r="F59" s="36">
        <v>4894</v>
      </c>
      <c r="G59" s="34">
        <v>5908</v>
      </c>
      <c r="H59" s="72"/>
      <c r="I59" s="72"/>
      <c r="J59" s="72"/>
      <c r="K59" s="29">
        <v>6827</v>
      </c>
    </row>
    <row r="60" spans="1:11" ht="20.100000000000001" customHeight="1" x14ac:dyDescent="0.15">
      <c r="A60" s="3"/>
      <c r="B60" s="16" t="s">
        <v>57</v>
      </c>
      <c r="C60" s="7" t="s">
        <v>55</v>
      </c>
      <c r="D60" s="13" t="s">
        <v>139</v>
      </c>
      <c r="E60" s="27" t="s">
        <v>55</v>
      </c>
      <c r="F60" s="36">
        <v>7255</v>
      </c>
      <c r="G60" s="34">
        <v>9089</v>
      </c>
      <c r="H60" s="72"/>
      <c r="I60" s="72"/>
      <c r="J60" s="72"/>
      <c r="K60" s="29">
        <v>8912</v>
      </c>
    </row>
    <row r="61" spans="1:11" ht="20.100000000000001" customHeight="1" x14ac:dyDescent="0.15">
      <c r="A61" s="25" t="s">
        <v>58</v>
      </c>
      <c r="B61" s="26"/>
      <c r="C61" s="7"/>
      <c r="D61" s="12"/>
      <c r="E61" s="27"/>
      <c r="F61" s="36"/>
      <c r="G61" s="34"/>
      <c r="H61" s="72"/>
      <c r="I61" s="72"/>
      <c r="J61" s="72"/>
      <c r="K61" s="29"/>
    </row>
    <row r="62" spans="1:11" ht="20.100000000000001" customHeight="1" x14ac:dyDescent="0.15">
      <c r="A62" s="3"/>
      <c r="B62" s="16" t="s">
        <v>59</v>
      </c>
      <c r="C62" s="7" t="s">
        <v>60</v>
      </c>
      <c r="D62" s="12">
        <v>427.92</v>
      </c>
      <c r="E62" s="27" t="s">
        <v>60</v>
      </c>
      <c r="F62" s="36">
        <v>745</v>
      </c>
      <c r="G62" s="34">
        <v>1666</v>
      </c>
      <c r="H62" s="72"/>
      <c r="I62" s="72"/>
      <c r="J62" s="72"/>
      <c r="K62" s="29">
        <v>1644</v>
      </c>
    </row>
    <row r="63" spans="1:11" ht="20.100000000000001" hidden="1" customHeight="1" outlineLevel="1" x14ac:dyDescent="0.15">
      <c r="A63" s="3"/>
      <c r="B63" s="16" t="s">
        <v>114</v>
      </c>
      <c r="C63" s="7" t="s">
        <v>61</v>
      </c>
      <c r="D63" s="12">
        <v>250.85</v>
      </c>
      <c r="E63" s="27"/>
      <c r="F63" s="36">
        <v>816</v>
      </c>
      <c r="G63" s="34"/>
      <c r="H63" s="72"/>
      <c r="I63" s="72"/>
      <c r="J63" s="72"/>
      <c r="K63" s="29"/>
    </row>
    <row r="64" spans="1:11" ht="20.100000000000001" hidden="1" customHeight="1" outlineLevel="1" x14ac:dyDescent="0.15">
      <c r="A64" s="3"/>
      <c r="B64" s="16" t="s">
        <v>113</v>
      </c>
      <c r="C64" s="7" t="s">
        <v>61</v>
      </c>
      <c r="D64" s="39">
        <v>104.5</v>
      </c>
      <c r="E64" s="40"/>
      <c r="F64" s="36"/>
      <c r="G64" s="34"/>
      <c r="H64" s="72"/>
      <c r="I64" s="72"/>
      <c r="J64" s="72"/>
      <c r="K64" s="29"/>
    </row>
    <row r="65" spans="1:11" ht="20.100000000000001" customHeight="1" collapsed="1" x14ac:dyDescent="0.15">
      <c r="A65" s="3"/>
      <c r="B65" s="16" t="s">
        <v>140</v>
      </c>
      <c r="C65" s="7" t="s">
        <v>61</v>
      </c>
      <c r="D65" s="12">
        <v>150</v>
      </c>
      <c r="E65" s="27" t="s">
        <v>61</v>
      </c>
      <c r="F65" s="36">
        <v>816</v>
      </c>
      <c r="G65" s="34">
        <v>840</v>
      </c>
      <c r="H65" s="72"/>
      <c r="I65" s="72"/>
      <c r="J65" s="72"/>
      <c r="K65" s="29">
        <v>903</v>
      </c>
    </row>
    <row r="66" spans="1:11" ht="20.100000000000001" customHeight="1" x14ac:dyDescent="0.15">
      <c r="A66" s="25" t="s">
        <v>62</v>
      </c>
      <c r="B66" s="26"/>
      <c r="C66" s="7"/>
      <c r="D66" s="12"/>
      <c r="E66" s="27"/>
      <c r="F66" s="36"/>
      <c r="G66" s="34"/>
      <c r="H66" s="72"/>
      <c r="I66" s="72"/>
      <c r="J66" s="72"/>
      <c r="K66" s="29"/>
    </row>
    <row r="67" spans="1:11" ht="20.100000000000001" customHeight="1" x14ac:dyDescent="0.15">
      <c r="A67" s="3"/>
      <c r="B67" s="16" t="s">
        <v>63</v>
      </c>
      <c r="C67" s="7" t="s">
        <v>64</v>
      </c>
      <c r="D67" s="12"/>
      <c r="E67" s="27" t="s">
        <v>64</v>
      </c>
      <c r="F67" s="36">
        <v>8059</v>
      </c>
      <c r="G67" s="34">
        <v>29120</v>
      </c>
      <c r="H67" s="72"/>
      <c r="I67" s="72"/>
      <c r="J67" s="72"/>
      <c r="K67" s="29">
        <v>40610</v>
      </c>
    </row>
    <row r="68" spans="1:11" ht="20.100000000000001" customHeight="1" x14ac:dyDescent="0.15">
      <c r="A68" s="3"/>
      <c r="B68" s="16" t="s">
        <v>65</v>
      </c>
      <c r="C68" s="7" t="s">
        <v>55</v>
      </c>
      <c r="D68" s="12">
        <v>28.21</v>
      </c>
      <c r="E68" s="27" t="s">
        <v>55</v>
      </c>
      <c r="F68" s="36">
        <v>374</v>
      </c>
      <c r="G68" s="34">
        <v>602</v>
      </c>
      <c r="H68" s="72"/>
      <c r="I68" s="72"/>
      <c r="J68" s="72"/>
      <c r="K68" s="29">
        <v>1099</v>
      </c>
    </row>
    <row r="69" spans="1:11" ht="20.100000000000001" customHeight="1" x14ac:dyDescent="0.15">
      <c r="A69" s="3"/>
      <c r="B69" s="16" t="s">
        <v>66</v>
      </c>
      <c r="C69" s="7" t="s">
        <v>6</v>
      </c>
      <c r="D69" s="12">
        <v>239.29</v>
      </c>
      <c r="E69" s="27" t="s">
        <v>6</v>
      </c>
      <c r="F69" s="36">
        <v>2392</v>
      </c>
      <c r="G69" s="34">
        <v>1447</v>
      </c>
      <c r="H69" s="72"/>
      <c r="I69" s="72"/>
      <c r="J69" s="72"/>
      <c r="K69" s="29">
        <v>2284</v>
      </c>
    </row>
    <row r="70" spans="1:11" ht="30" customHeight="1" x14ac:dyDescent="0.15">
      <c r="A70" s="3"/>
      <c r="B70" s="16" t="s">
        <v>67</v>
      </c>
      <c r="C70" s="7" t="s">
        <v>116</v>
      </c>
      <c r="D70" s="12">
        <v>12</v>
      </c>
      <c r="E70" s="27" t="s">
        <v>173</v>
      </c>
      <c r="F70" s="36">
        <v>154</v>
      </c>
      <c r="G70" s="34">
        <v>291</v>
      </c>
      <c r="H70" s="72"/>
      <c r="I70" s="72"/>
      <c r="J70" s="72"/>
      <c r="K70" s="29">
        <v>323</v>
      </c>
    </row>
    <row r="71" spans="1:11" ht="30" customHeight="1" x14ac:dyDescent="0.15">
      <c r="A71" s="3"/>
      <c r="B71" s="16" t="s">
        <v>141</v>
      </c>
      <c r="C71" s="7" t="s">
        <v>142</v>
      </c>
      <c r="D71" s="13" t="s">
        <v>143</v>
      </c>
      <c r="E71" s="27" t="s">
        <v>160</v>
      </c>
      <c r="F71" s="36">
        <v>777</v>
      </c>
      <c r="G71" s="34">
        <v>309</v>
      </c>
      <c r="H71" s="72"/>
      <c r="I71" s="72"/>
      <c r="J71" s="72"/>
      <c r="K71" s="29">
        <v>366</v>
      </c>
    </row>
    <row r="72" spans="1:11" ht="20.100000000000001" customHeight="1" x14ac:dyDescent="0.15">
      <c r="A72" s="25" t="s">
        <v>68</v>
      </c>
      <c r="B72" s="26"/>
      <c r="C72" s="7"/>
      <c r="D72" s="12"/>
      <c r="E72" s="27"/>
      <c r="F72" s="36"/>
      <c r="G72" s="34"/>
      <c r="H72" s="72"/>
      <c r="I72" s="72"/>
      <c r="J72" s="72"/>
      <c r="K72" s="29"/>
    </row>
    <row r="73" spans="1:11" ht="20.100000000000001" customHeight="1" x14ac:dyDescent="0.15">
      <c r="A73" s="3"/>
      <c r="B73" s="16" t="s">
        <v>69</v>
      </c>
      <c r="C73" s="7" t="s">
        <v>70</v>
      </c>
      <c r="D73" s="13" t="s">
        <v>143</v>
      </c>
      <c r="E73" s="27" t="s">
        <v>70</v>
      </c>
      <c r="F73" s="36">
        <v>10490</v>
      </c>
      <c r="G73" s="34">
        <v>10900</v>
      </c>
      <c r="H73" s="72"/>
      <c r="I73" s="72"/>
      <c r="J73" s="72"/>
      <c r="K73" s="29">
        <v>10750</v>
      </c>
    </row>
    <row r="74" spans="1:11" ht="20.100000000000001" customHeight="1" x14ac:dyDescent="0.15">
      <c r="A74" s="3"/>
      <c r="B74" s="16" t="s">
        <v>71</v>
      </c>
      <c r="C74" s="7" t="s">
        <v>72</v>
      </c>
      <c r="D74" s="12">
        <v>2263.89</v>
      </c>
      <c r="E74" s="27" t="s">
        <v>72</v>
      </c>
      <c r="F74" s="36">
        <v>27780</v>
      </c>
      <c r="G74" s="34">
        <v>28740</v>
      </c>
      <c r="H74" s="72"/>
      <c r="I74" s="72"/>
      <c r="J74" s="72"/>
      <c r="K74" s="29">
        <v>30860</v>
      </c>
    </row>
    <row r="75" spans="1:11" ht="20.100000000000001" customHeight="1" x14ac:dyDescent="0.15">
      <c r="A75" s="3"/>
      <c r="B75" s="16" t="s">
        <v>73</v>
      </c>
      <c r="C75" s="7" t="s">
        <v>55</v>
      </c>
      <c r="D75" s="12">
        <v>1317.36</v>
      </c>
      <c r="E75" s="27" t="s">
        <v>55</v>
      </c>
      <c r="F75" s="36">
        <v>7099</v>
      </c>
      <c r="G75" s="34">
        <v>7268</v>
      </c>
      <c r="H75" s="72"/>
      <c r="I75" s="72"/>
      <c r="J75" s="72"/>
      <c r="K75" s="29">
        <v>10290</v>
      </c>
    </row>
    <row r="76" spans="1:11" ht="20.100000000000001" customHeight="1" x14ac:dyDescent="0.15">
      <c r="A76" s="3"/>
      <c r="B76" s="16" t="s">
        <v>74</v>
      </c>
      <c r="C76" s="7" t="s">
        <v>55</v>
      </c>
      <c r="D76" s="12">
        <v>612.5</v>
      </c>
      <c r="E76" s="27" t="s">
        <v>55</v>
      </c>
      <c r="F76" s="36">
        <v>3201</v>
      </c>
      <c r="G76" s="34">
        <v>4743</v>
      </c>
      <c r="H76" s="72"/>
      <c r="I76" s="72"/>
      <c r="J76" s="72"/>
      <c r="K76" s="29">
        <v>4639</v>
      </c>
    </row>
    <row r="77" spans="1:11" ht="20.100000000000001" customHeight="1" x14ac:dyDescent="0.15">
      <c r="A77" s="3"/>
      <c r="B77" s="16" t="s">
        <v>75</v>
      </c>
      <c r="C77" s="7" t="s">
        <v>76</v>
      </c>
      <c r="D77" s="12">
        <v>137.91999999999999</v>
      </c>
      <c r="E77" s="27" t="s">
        <v>76</v>
      </c>
      <c r="F77" s="36">
        <v>792</v>
      </c>
      <c r="G77" s="34">
        <v>865</v>
      </c>
      <c r="H77" s="72"/>
      <c r="I77" s="72"/>
      <c r="J77" s="72"/>
      <c r="K77" s="29">
        <v>804</v>
      </c>
    </row>
    <row r="78" spans="1:11" ht="20.100000000000001" customHeight="1" x14ac:dyDescent="0.15">
      <c r="A78" s="3"/>
      <c r="B78" s="16" t="s">
        <v>77</v>
      </c>
      <c r="C78" s="7" t="s">
        <v>76</v>
      </c>
      <c r="D78" s="13" t="s">
        <v>143</v>
      </c>
      <c r="E78" s="27" t="s">
        <v>76</v>
      </c>
      <c r="F78" s="36">
        <v>293</v>
      </c>
      <c r="G78" s="34">
        <v>516</v>
      </c>
      <c r="H78" s="72"/>
      <c r="I78" s="72"/>
      <c r="J78" s="72"/>
      <c r="K78" s="29">
        <v>514</v>
      </c>
    </row>
    <row r="79" spans="1:11" ht="20.100000000000001" customHeight="1" x14ac:dyDescent="0.15">
      <c r="A79" s="3"/>
      <c r="B79" s="16" t="s">
        <v>78</v>
      </c>
      <c r="C79" s="7" t="s">
        <v>79</v>
      </c>
      <c r="D79" s="13" t="s">
        <v>143</v>
      </c>
      <c r="E79" s="27" t="s">
        <v>79</v>
      </c>
      <c r="F79" s="36">
        <v>15910</v>
      </c>
      <c r="G79" s="34">
        <v>19150</v>
      </c>
      <c r="H79" s="72"/>
      <c r="I79" s="72"/>
      <c r="J79" s="72"/>
      <c r="K79" s="29">
        <v>15060</v>
      </c>
    </row>
    <row r="80" spans="1:11" ht="20.100000000000001" customHeight="1" x14ac:dyDescent="0.15">
      <c r="A80" s="3"/>
      <c r="B80" s="16" t="s">
        <v>80</v>
      </c>
      <c r="C80" s="9" t="s">
        <v>144</v>
      </c>
      <c r="D80" s="12">
        <v>1375</v>
      </c>
      <c r="E80" s="27" t="s">
        <v>122</v>
      </c>
      <c r="F80" s="36">
        <v>4568</v>
      </c>
      <c r="G80" s="34">
        <v>567</v>
      </c>
      <c r="H80" s="72"/>
      <c r="I80" s="72"/>
      <c r="J80" s="72"/>
      <c r="K80" s="29">
        <v>570</v>
      </c>
    </row>
    <row r="81" spans="1:11" ht="20.100000000000001" customHeight="1" x14ac:dyDescent="0.15">
      <c r="A81" s="3"/>
      <c r="B81" s="16" t="s">
        <v>81</v>
      </c>
      <c r="C81" s="7" t="s">
        <v>76</v>
      </c>
      <c r="D81" s="12">
        <v>2761.11</v>
      </c>
      <c r="E81" s="27" t="s">
        <v>76</v>
      </c>
      <c r="F81" s="36">
        <v>9161</v>
      </c>
      <c r="G81" s="34">
        <v>13970</v>
      </c>
      <c r="H81" s="72"/>
      <c r="I81" s="72"/>
      <c r="J81" s="72"/>
      <c r="K81" s="29">
        <v>12860</v>
      </c>
    </row>
    <row r="82" spans="1:11" ht="20.100000000000001" customHeight="1" x14ac:dyDescent="0.15">
      <c r="A82" s="3"/>
      <c r="B82" s="16" t="s">
        <v>82</v>
      </c>
      <c r="C82" s="7" t="s">
        <v>76</v>
      </c>
      <c r="D82" s="12">
        <v>2095.83</v>
      </c>
      <c r="E82" s="27" t="s">
        <v>76</v>
      </c>
      <c r="F82" s="36">
        <v>8684</v>
      </c>
      <c r="G82" s="34">
        <v>10870</v>
      </c>
      <c r="H82" s="72"/>
      <c r="I82" s="72"/>
      <c r="J82" s="72"/>
      <c r="K82" s="29">
        <v>8519</v>
      </c>
    </row>
    <row r="83" spans="1:11" ht="20.100000000000001" customHeight="1" x14ac:dyDescent="0.15">
      <c r="A83" s="3"/>
      <c r="B83" s="16" t="s">
        <v>83</v>
      </c>
      <c r="C83" s="7" t="s">
        <v>72</v>
      </c>
      <c r="D83" s="12">
        <v>6145.83</v>
      </c>
      <c r="E83" s="27" t="s">
        <v>72</v>
      </c>
      <c r="F83" s="36">
        <v>66090</v>
      </c>
      <c r="G83" s="34">
        <v>89720</v>
      </c>
      <c r="H83" s="72"/>
      <c r="I83" s="72"/>
      <c r="J83" s="72"/>
      <c r="K83" s="29">
        <v>124970</v>
      </c>
    </row>
    <row r="84" spans="1:11" ht="20.100000000000001" customHeight="1" x14ac:dyDescent="0.15">
      <c r="A84" s="3"/>
      <c r="B84" s="16" t="s">
        <v>84</v>
      </c>
      <c r="C84" s="7" t="s">
        <v>55</v>
      </c>
      <c r="D84" s="12">
        <v>36.770000000000003</v>
      </c>
      <c r="E84" s="27" t="s">
        <v>55</v>
      </c>
      <c r="F84" s="36">
        <v>185</v>
      </c>
      <c r="G84" s="34">
        <v>234</v>
      </c>
      <c r="H84" s="72"/>
      <c r="I84" s="72"/>
      <c r="J84" s="72"/>
      <c r="K84" s="29">
        <v>222</v>
      </c>
    </row>
    <row r="85" spans="1:11" ht="20.100000000000001" customHeight="1" x14ac:dyDescent="0.15">
      <c r="A85" s="3"/>
      <c r="B85" s="16" t="s">
        <v>85</v>
      </c>
      <c r="C85" s="7" t="s">
        <v>76</v>
      </c>
      <c r="D85" s="12">
        <v>492.71</v>
      </c>
      <c r="E85" s="27" t="s">
        <v>76</v>
      </c>
      <c r="F85" s="36">
        <v>788</v>
      </c>
      <c r="G85" s="34">
        <v>1299</v>
      </c>
      <c r="H85" s="72"/>
      <c r="I85" s="72"/>
      <c r="J85" s="72"/>
      <c r="K85" s="29">
        <v>852</v>
      </c>
    </row>
    <row r="86" spans="1:11" ht="20.100000000000001" customHeight="1" x14ac:dyDescent="0.15">
      <c r="A86" s="25" t="s">
        <v>86</v>
      </c>
      <c r="B86" s="26"/>
      <c r="C86" s="7"/>
      <c r="D86" s="12"/>
      <c r="E86" s="27"/>
      <c r="F86" s="36"/>
      <c r="G86" s="34"/>
      <c r="H86" s="72"/>
      <c r="I86" s="72"/>
      <c r="J86" s="72"/>
      <c r="K86" s="29"/>
    </row>
    <row r="87" spans="1:11" ht="30" customHeight="1" x14ac:dyDescent="0.15">
      <c r="A87" s="3"/>
      <c r="B87" s="16" t="s">
        <v>87</v>
      </c>
      <c r="C87" s="9" t="s">
        <v>145</v>
      </c>
      <c r="D87" s="12">
        <v>140</v>
      </c>
      <c r="E87" s="27" t="s">
        <v>123</v>
      </c>
      <c r="F87" s="36">
        <v>1370</v>
      </c>
      <c r="G87" s="34">
        <v>1571</v>
      </c>
      <c r="H87" s="72"/>
      <c r="I87" s="72"/>
      <c r="J87" s="72"/>
      <c r="K87" s="29">
        <v>1523</v>
      </c>
    </row>
    <row r="88" spans="1:11" ht="30" customHeight="1" x14ac:dyDescent="0.15">
      <c r="A88" s="3"/>
      <c r="B88" s="16" t="s">
        <v>88</v>
      </c>
      <c r="C88" s="7" t="s">
        <v>89</v>
      </c>
      <c r="D88" s="13" t="s">
        <v>143</v>
      </c>
      <c r="E88" s="27" t="s">
        <v>89</v>
      </c>
      <c r="F88" s="36">
        <v>1827</v>
      </c>
      <c r="G88" s="34">
        <v>1667</v>
      </c>
      <c r="H88" s="72"/>
      <c r="I88" s="72"/>
      <c r="J88" s="72"/>
      <c r="K88" s="29">
        <v>1695</v>
      </c>
    </row>
    <row r="89" spans="1:11" ht="20.100000000000001" customHeight="1" x14ac:dyDescent="0.15">
      <c r="A89" s="25" t="s">
        <v>90</v>
      </c>
      <c r="B89" s="26"/>
      <c r="C89" s="7"/>
      <c r="D89" s="12"/>
      <c r="E89" s="27"/>
      <c r="F89" s="36"/>
      <c r="G89" s="34"/>
      <c r="H89" s="72"/>
      <c r="I89" s="72"/>
      <c r="J89" s="72"/>
      <c r="K89" s="29"/>
    </row>
    <row r="90" spans="1:11" ht="20.100000000000001" customHeight="1" x14ac:dyDescent="0.15">
      <c r="A90" s="3"/>
      <c r="B90" s="16" t="s">
        <v>91</v>
      </c>
      <c r="C90" s="7" t="s">
        <v>92</v>
      </c>
      <c r="D90" s="12">
        <v>10</v>
      </c>
      <c r="E90" s="27" t="s">
        <v>92</v>
      </c>
      <c r="F90" s="36">
        <v>122</v>
      </c>
      <c r="G90" s="34">
        <v>150</v>
      </c>
      <c r="H90" s="72"/>
      <c r="I90" s="72"/>
      <c r="J90" s="72"/>
      <c r="K90" s="29">
        <v>207</v>
      </c>
    </row>
    <row r="91" spans="1:11" ht="20.100000000000001" customHeight="1" x14ac:dyDescent="0.15">
      <c r="A91" s="25" t="s">
        <v>93</v>
      </c>
      <c r="B91" s="16"/>
      <c r="C91" s="7"/>
      <c r="D91" s="12"/>
      <c r="E91" s="27"/>
      <c r="F91" s="36"/>
      <c r="G91" s="34"/>
      <c r="H91" s="72"/>
      <c r="I91" s="72"/>
      <c r="J91" s="72"/>
      <c r="K91" s="29"/>
    </row>
    <row r="92" spans="1:11" ht="20.100000000000001" customHeight="1" x14ac:dyDescent="0.15">
      <c r="A92" s="3"/>
      <c r="B92" s="16" t="s">
        <v>94</v>
      </c>
      <c r="C92" s="7" t="s">
        <v>61</v>
      </c>
      <c r="D92" s="12">
        <v>600</v>
      </c>
      <c r="E92" s="27" t="s">
        <v>61</v>
      </c>
      <c r="F92" s="36">
        <v>6900</v>
      </c>
      <c r="G92" s="34">
        <v>9600</v>
      </c>
      <c r="H92" s="72"/>
      <c r="I92" s="72"/>
      <c r="J92" s="72"/>
      <c r="K92" s="29">
        <v>9600</v>
      </c>
    </row>
    <row r="93" spans="1:11" ht="20.100000000000001" customHeight="1" x14ac:dyDescent="0.15">
      <c r="A93" s="3"/>
      <c r="B93" s="16" t="s">
        <v>95</v>
      </c>
      <c r="C93" s="7" t="s">
        <v>61</v>
      </c>
      <c r="D93" s="12">
        <v>850</v>
      </c>
      <c r="E93" s="27" t="s">
        <v>61</v>
      </c>
      <c r="F93" s="36">
        <v>14670</v>
      </c>
      <c r="G93" s="34">
        <v>20820</v>
      </c>
      <c r="H93" s="72"/>
      <c r="I93" s="72"/>
      <c r="J93" s="72"/>
      <c r="K93" s="29">
        <v>25540</v>
      </c>
    </row>
    <row r="94" spans="1:11" ht="20.100000000000001" customHeight="1" x14ac:dyDescent="0.15">
      <c r="A94" s="25" t="s">
        <v>96</v>
      </c>
      <c r="B94" s="26"/>
      <c r="C94" s="7"/>
      <c r="D94" s="12"/>
      <c r="E94" s="27"/>
      <c r="F94" s="36"/>
      <c r="G94" s="34"/>
      <c r="H94" s="72"/>
      <c r="I94" s="72"/>
      <c r="J94" s="72"/>
      <c r="K94" s="29"/>
    </row>
    <row r="95" spans="1:11" ht="20.100000000000001" customHeight="1" x14ac:dyDescent="0.15">
      <c r="A95" s="3"/>
      <c r="B95" s="16" t="s">
        <v>97</v>
      </c>
      <c r="C95" s="7" t="s">
        <v>98</v>
      </c>
      <c r="D95" s="12">
        <v>40666.11</v>
      </c>
      <c r="E95" s="27" t="s">
        <v>98</v>
      </c>
      <c r="F95" s="36">
        <v>86470</v>
      </c>
      <c r="G95" s="34">
        <v>26750</v>
      </c>
      <c r="H95" s="72"/>
      <c r="I95" s="72"/>
      <c r="J95" s="72"/>
      <c r="K95" s="29">
        <v>24670</v>
      </c>
    </row>
    <row r="96" spans="1:11" ht="20.100000000000001" customHeight="1" x14ac:dyDescent="0.15">
      <c r="A96" s="3"/>
      <c r="B96" s="16" t="s">
        <v>99</v>
      </c>
      <c r="C96" s="7" t="s">
        <v>98</v>
      </c>
      <c r="D96" s="13" t="s">
        <v>146</v>
      </c>
      <c r="E96" s="27" t="s">
        <v>98</v>
      </c>
      <c r="F96" s="13" t="s">
        <v>146</v>
      </c>
      <c r="G96" s="34">
        <v>259940</v>
      </c>
      <c r="H96" s="72"/>
      <c r="I96" s="72"/>
      <c r="J96" s="72"/>
      <c r="K96" s="29">
        <v>226210</v>
      </c>
    </row>
    <row r="97" spans="1:11" ht="20.100000000000001" customHeight="1" x14ac:dyDescent="0.15">
      <c r="A97" s="3"/>
      <c r="B97" s="16" t="s">
        <v>100</v>
      </c>
      <c r="C97" s="7" t="s">
        <v>101</v>
      </c>
      <c r="D97" s="12">
        <v>20</v>
      </c>
      <c r="E97" s="27" t="s">
        <v>101</v>
      </c>
      <c r="F97" s="36">
        <v>112</v>
      </c>
      <c r="G97" s="34">
        <v>121</v>
      </c>
      <c r="H97" s="72"/>
      <c r="I97" s="72"/>
      <c r="J97" s="72"/>
      <c r="K97" s="29">
        <v>130</v>
      </c>
    </row>
    <row r="98" spans="1:11" ht="20.100000000000001" customHeight="1" x14ac:dyDescent="0.15">
      <c r="A98" s="3"/>
      <c r="B98" s="16" t="s">
        <v>102</v>
      </c>
      <c r="C98" s="7" t="s">
        <v>103</v>
      </c>
      <c r="D98" s="12">
        <v>116.7</v>
      </c>
      <c r="E98" s="27" t="s">
        <v>103</v>
      </c>
      <c r="F98" s="36">
        <v>1570</v>
      </c>
      <c r="G98" s="34">
        <v>1800</v>
      </c>
      <c r="H98" s="72"/>
      <c r="I98" s="72"/>
      <c r="J98" s="72"/>
      <c r="K98" s="29">
        <v>1800</v>
      </c>
    </row>
    <row r="99" spans="1:11" ht="20.100000000000001" customHeight="1" x14ac:dyDescent="0.15">
      <c r="A99" s="25" t="s">
        <v>104</v>
      </c>
      <c r="B99" s="26"/>
      <c r="C99" s="7"/>
      <c r="D99" s="12"/>
      <c r="E99" s="27"/>
      <c r="F99" s="36"/>
      <c r="G99" s="34"/>
      <c r="H99" s="72"/>
      <c r="I99" s="72"/>
      <c r="J99" s="72"/>
      <c r="K99" s="29"/>
    </row>
    <row r="100" spans="1:11" ht="20.100000000000001" customHeight="1" x14ac:dyDescent="0.15">
      <c r="A100" s="3"/>
      <c r="B100" s="16" t="s">
        <v>105</v>
      </c>
      <c r="C100" s="7" t="s">
        <v>103</v>
      </c>
      <c r="D100" s="12">
        <v>17</v>
      </c>
      <c r="E100" s="27" t="s">
        <v>103</v>
      </c>
      <c r="F100" s="36">
        <v>243</v>
      </c>
      <c r="G100" s="34">
        <v>360</v>
      </c>
      <c r="H100" s="72"/>
      <c r="I100" s="72"/>
      <c r="J100" s="72"/>
      <c r="K100" s="29">
        <v>418</v>
      </c>
    </row>
    <row r="101" spans="1:11" ht="20.100000000000001" customHeight="1" x14ac:dyDescent="0.15">
      <c r="A101" s="3"/>
      <c r="B101" s="16" t="s">
        <v>106</v>
      </c>
      <c r="C101" s="7" t="s">
        <v>103</v>
      </c>
      <c r="D101" s="12">
        <v>185</v>
      </c>
      <c r="E101" s="27" t="s">
        <v>103</v>
      </c>
      <c r="F101" s="36">
        <v>3012</v>
      </c>
      <c r="G101" s="34">
        <v>3850</v>
      </c>
      <c r="H101" s="72"/>
      <c r="I101" s="72"/>
      <c r="J101" s="72"/>
      <c r="K101" s="29">
        <v>3711</v>
      </c>
    </row>
    <row r="102" spans="1:11" ht="20.100000000000001" customHeight="1" x14ac:dyDescent="0.15">
      <c r="A102" s="3"/>
      <c r="B102" s="16" t="s">
        <v>107</v>
      </c>
      <c r="C102" s="7" t="s">
        <v>103</v>
      </c>
      <c r="D102" s="12">
        <v>512.5</v>
      </c>
      <c r="E102" s="27" t="s">
        <v>103</v>
      </c>
      <c r="F102" s="36">
        <v>6115</v>
      </c>
      <c r="G102" s="34">
        <v>7275</v>
      </c>
      <c r="H102" s="72"/>
      <c r="I102" s="72"/>
      <c r="J102" s="72"/>
      <c r="K102" s="29">
        <v>8451</v>
      </c>
    </row>
    <row r="103" spans="1:11" ht="28.5" x14ac:dyDescent="0.15">
      <c r="A103" s="3"/>
      <c r="B103" s="16" t="s">
        <v>108</v>
      </c>
      <c r="C103" s="9" t="s">
        <v>147</v>
      </c>
      <c r="D103" s="12">
        <v>30</v>
      </c>
      <c r="E103" s="27" t="s">
        <v>171</v>
      </c>
      <c r="F103" s="36">
        <v>95</v>
      </c>
      <c r="G103" s="34">
        <v>234</v>
      </c>
      <c r="H103" s="72"/>
      <c r="I103" s="72"/>
      <c r="J103" s="72"/>
      <c r="K103" s="29">
        <v>264</v>
      </c>
    </row>
    <row r="104" spans="1:11" ht="30" customHeight="1" thickBot="1" x14ac:dyDescent="0.2">
      <c r="A104" s="4"/>
      <c r="B104" s="17" t="s">
        <v>109</v>
      </c>
      <c r="C104" s="8" t="s">
        <v>70</v>
      </c>
      <c r="D104" s="14">
        <v>601.39</v>
      </c>
      <c r="E104" s="30" t="s">
        <v>70</v>
      </c>
      <c r="F104" s="37">
        <v>3238</v>
      </c>
      <c r="G104" s="35">
        <v>2940</v>
      </c>
      <c r="H104" s="73"/>
      <c r="I104" s="73"/>
      <c r="J104" s="73"/>
      <c r="K104" s="31">
        <v>3455</v>
      </c>
    </row>
    <row r="105" spans="1:11" ht="20.100000000000001" customHeight="1" x14ac:dyDescent="0.15">
      <c r="B105" s="10" t="s">
        <v>276</v>
      </c>
    </row>
  </sheetData>
  <mergeCells count="9">
    <mergeCell ref="A2:A4"/>
    <mergeCell ref="C3:C4"/>
    <mergeCell ref="C2:D2"/>
    <mergeCell ref="G5:K5"/>
    <mergeCell ref="G2:K2"/>
    <mergeCell ref="B2:B4"/>
    <mergeCell ref="E2:F2"/>
    <mergeCell ref="E3:E4"/>
    <mergeCell ref="F4:K4"/>
  </mergeCells>
  <phoneticPr fontId="2"/>
  <pageMargins left="0.78740157480314965" right="0.19685039370078741" top="0.98425196850393704" bottom="0.39370078740157483" header="0.51181102362204722" footer="0.51181102362204722"/>
  <pageSetup paperSize="8" fitToHeight="0" orientation="portrait" r:id="rId1"/>
  <headerFooter alignWithMargins="0">
    <oddFooter>&amp;C&amp;P／&amp;N</oddFooter>
  </headerFooter>
  <rowBreaks count="1" manualBreakCount="1">
    <brk id="52" max="10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16-2（近代）</vt:lpstr>
      <vt:lpstr>16-2（過去）</vt:lpstr>
      <vt:lpstr>'16-2（過去）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1:58:50Z</cp:lastPrinted>
  <dcterms:created xsi:type="dcterms:W3CDTF">1997-01-08T22:48:59Z</dcterms:created>
  <dcterms:modified xsi:type="dcterms:W3CDTF">2021-02-06T01:59:04Z</dcterms:modified>
</cp:coreProperties>
</file>